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6\"/>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851" uniqueCount="579">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06/02/2021</t>
  </si>
  <si>
    <t>07:00:00:00</t>
  </si>
  <si>
    <t>P0926823</t>
  </si>
  <si>
    <t>Au cœur du zoo : Un cerf épileptique</t>
  </si>
  <si>
    <t>Secrets of The Zoo</t>
  </si>
  <si>
    <t>Febreze, Please</t>
  </si>
  <si>
    <t>00:44</t>
  </si>
  <si>
    <t>United States</t>
  </si>
  <si>
    <t>Un Muntjac prénommé Chowlie est pris de mystérieuses convulsions. S’ils veulent découvrir les raisons de ces crises, les soigneurs devront d’abord réussir à l’attraper. Colby, un adorable petit loris, présente un abcès situé près du cerveau, un endroit critique. Alors que Jessie le puma doit consulter un dentiste en urgence, Febreze la moufette passe sous le stéthoscope d’un cardiologue.</t>
  </si>
  <si>
    <t>07:45:00:00</t>
  </si>
  <si>
    <t>P0926822</t>
  </si>
  <si>
    <t>Au cœur du zoo : Radio de loutres</t>
  </si>
  <si>
    <t>Otter-Ly Ridiculous</t>
  </si>
  <si>
    <t>Unga, un bonobo pas comme les autres qui a survécu à un AVC, fait des frayeurs à l’équipe vétérinaire sur le chemin de sa visite annuelle. Yin et Yang, deux loutres cendrées, se sont bien préparées pour leur radiographie. Maigre et fébrile, un vieux cerf de Bactriane nommé Raymer accélère une intervention dans le parc des Wilds, tandis que Ginger, une grue à cou blanc de 41 ans, continue de déjouer tous les pronostics.</t>
  </si>
  <si>
    <t>08:40:00:00</t>
  </si>
  <si>
    <t>Lignées de prédateurs : Entre soeurs</t>
  </si>
  <si>
    <t>Predator Bloodlines</t>
  </si>
  <si>
    <t>The Sisterhood</t>
  </si>
  <si>
    <t>00:45</t>
  </si>
  <si>
    <t>Mauritius</t>
  </si>
  <si>
    <t>Reconnaissable entre mille par ses yeux orange vif, notre héroïne du jour est à la tête d’une troupe de cinq lionnes et leurs six lionceaux. Qu’il s’agisse de chasser le buffle ou de la révolte de mâles susceptibles de réduire leurs rangs à néant, elles relèvent chaque défi avec une précision chirurgicale. Alors que la famille se retrouve frappée par une sécheresse sans précédent et par une maladie invalidante, nos lionnes doivent lutter pour survivre.</t>
  </si>
  <si>
    <t>09:30:00:00</t>
  </si>
  <si>
    <t>Lignées de prédateurs : Le clan</t>
  </si>
  <si>
    <t>The Clan</t>
  </si>
  <si>
    <t>Notre héroïne du jour a renversé l’ancien chef du clan du Nord au cours d’une prise de pouvoir révolutionnaire. Elle s’est démenée pour gravir l’échelle sociale, passant ainsi d’un rang modeste à celui de matriarche. À la fois cheffe de guerre impitoyable et protectrice dévouée de son clan, elle dirige ses troupes dans les batailles contre les lions et prend soin de ses petits. Alors qu’elle vieillit et que la plupart de ses descendants sont des mâles, la question de sa succession demeure sans réponse.</t>
  </si>
  <si>
    <t>10:20:00:00</t>
  </si>
  <si>
    <t>P0867709</t>
  </si>
  <si>
    <t>Terre de prédateur : Léopards et guépards</t>
  </si>
  <si>
    <t>Predator Land</t>
  </si>
  <si>
    <t>Leopards And Cheetahs</t>
  </si>
  <si>
    <t>Australia</t>
  </si>
  <si>
    <t>De tous les félins du continent, le léopard d’Afrique possède la plus grande aire de répartition en raison de la diversité de ses proies et des différents habitats qu’il tolère. La population en meilleure santé se trouve en Afrique australe. Dans la région du parc national Kruger, des léopards bâtissent leur territoire, élèvent leurs progénitures et chassent pour subsister depuis plus d’un million d’années. Nous suivrons deux mères chargées d’éduquer leurs petits jusqu’à ce qu’ils atteignent l’âge adulte. À chaque victime qu’il fait, le plus jeune des félins se voit attaqué par des hyènes. La femelle plus âgée est une prédatrice chevronnée : elle traque et abat un steinbock, puis jette son dévolu sur un phacochère. Elle attrape un porcelet qu’elle rapporte à son petit comme compagnon de jeu. Les léopards partagent leur territoire avec deux frères guépards de passage ; à leur arrivée sur ces terres, eux aussi pourchassent et tuent un phacochère. Ils resteront quelque temps avant de repartir patrouiller dans les coins les plus reculés de leur vaste habitat.</t>
  </si>
  <si>
    <t>11:10:00:00</t>
  </si>
  <si>
    <t>N0023537</t>
  </si>
  <si>
    <t>Prédateurs en détresse : Détruire à tout prix</t>
  </si>
  <si>
    <t>Predator Fails</t>
  </si>
  <si>
    <t>Seek &amp; Destroy</t>
  </si>
  <si>
    <t>00:50</t>
  </si>
  <si>
    <t>South Africa</t>
  </si>
  <si>
    <t>Suivez certains des chasseurs les plus étranges de la planète sur les traces de leurs proies. Un venin mortel, des griffes acérées, une vitesse incroyable ou une énorme bouche, ces créatures tirent généralement leur avantage d'une carte maîtresse sur laquelle ils s'appuient pour garantir leur survie. Mais si le prédateur est fait pour la chasse, la proie est quant à elle faite pour se défendre et arrive à échapper aux armes parfois sophistiquées de ses ennemis.</t>
  </si>
  <si>
    <t>12:00:00:00</t>
  </si>
  <si>
    <t>N0023903</t>
  </si>
  <si>
    <t>SOS Cesar : Holly et Lexie</t>
  </si>
  <si>
    <t>Cesar to the Rescue</t>
  </si>
  <si>
    <t>Holly's Terror</t>
  </si>
  <si>
    <t>01:00</t>
  </si>
  <si>
    <t>Cesar doit s'occuper de deux maîtres qui déclenchent sans le savoir l'agressivité de leurs chiens. Holly a adopté Lexie Jane à six semaines. Très vite, elle a réalisé que ce chien avait de sérieux problèmes d'agressivité. Et au fil du temps, la situation n'est pas allée en s'améliorant. Lorsqu'elle part en randonnée, Lexie terrorise les autres promeneurs sur son passage. Appelé à la rescousse, Cesar découvre rapidement que Lexie se comporte à merveille...tant qu'Holly n'est pas dans les parages. Pourra-t-il trouver une solution ? Cela serait préférable car pour sa deuxième intervention, la situation semble être des plus similaires. Rosa, un adorable chien de thérapie d'un centre de lutte contre la violence se révèle adorable avec les clients mais vicieux avec  les autres chiens...</t>
  </si>
  <si>
    <t>12:50:00:00</t>
  </si>
  <si>
    <t>N0023798</t>
  </si>
  <si>
    <t>SOS Cesar : Folle en cage</t>
  </si>
  <si>
    <t>Caged And Confused</t>
  </si>
  <si>
    <t>Le Dr Claude Lessard est un vétérinaire dont le pitbull, Opal, a besoin d'aide de toute urgence. Opal sert de donneuse de sang pour les chiens malades. Mais malgré chaque animal sauvé, elle met aussi la vie de nombreux autres chiens en danger. Elle ne supporte pas d'être confinée dans une pièce et empêche les animaux soignés à la clinique de se reposer.  Si Cesar ne parvient pas à aider Opal, la situation pourrait s'avérer très compliquée. Son intervention suivante le conduit dans la banlieue chic de Bel Air où deux caniches sont en train de ruiner la vie sociale de leurs maîtres. Cesar pourra-t-il empêcher que tous leurs amis ne leur tournent le dos ?</t>
  </si>
  <si>
    <t>13:40:00:00</t>
  </si>
  <si>
    <t>N0023801</t>
  </si>
  <si>
    <t>SOS Cesar : Pitbull enragé</t>
  </si>
  <si>
    <t>Raging Pit Bull</t>
  </si>
  <si>
    <t>Les Washington considèrent Roxy, leur pitbull croisé, comme un membre de leur famille à part entière. Leurs voisins eux, préfèreraient qu'il ne s'agisse que d'une lointaine cousine. Bien qu'adorable avec les membres de la famille, elle ne supporte pas la présence des autres chiens. Pour Cesar, le niveau d'agressivité de ce chien a atteint la " zone rouge ". Roxy serait capable de tuer un autre chien, ce qui aurait une issue fatale pour elle. Cesar parviendra-t-il à réhabiliter le chien de la famille ? Retrouvez ensuite notre expert qui vient en aide à Caper, un chien bagarreur qui ne cesse de s'attirer des ennuis.</t>
  </si>
  <si>
    <t>14:25:00:00</t>
  </si>
  <si>
    <t>N0012206</t>
  </si>
  <si>
    <t>Ma vie avec les lions : Conspiration au royaume</t>
  </si>
  <si>
    <t>Lion Ranger</t>
  </si>
  <si>
    <t>Trouble In The Pride</t>
  </si>
  <si>
    <t>00:55</t>
  </si>
  <si>
    <t>United Kingdom</t>
  </si>
  <si>
    <t>Nat Geo Wild nous amène au coeur du désert africain avec une série passionnante et touchante. Kevin Richardson a une étonnante capacité à communiquer avec des prédateurs d'Afrique les plus redoutés : les félins. Il vit avec eux, dort avec eux, nage avec les lionnes, caresse des lionceaux... Adopté dès leur plus jeune âge, il s'occupe de chaque membre dans un parc en Afrique du Sud. Dans ce premier épisode, si Kevin ne trouve pas de nouveaux fonds rapidement pour le refuge, il sera contraint de fermer le Royaume du Lion Blanc et de trouver un nouveau foyer à ces animaux qu'il considère comme sa famille.</t>
  </si>
  <si>
    <t>15:15:00:00</t>
  </si>
  <si>
    <t>N0012146</t>
  </si>
  <si>
    <t>Ma vie avec les lions : La descendance attaque</t>
  </si>
  <si>
    <t>Attack of The Teens</t>
  </si>
  <si>
    <t>Nat Geo Wild vous fait découvrir la relation très particulière qu'entretient Kevin Richardson et "le roi des animaux". Sa capacité à communiquer avec des félins fait de lui un membre à part entière d'une meute dans un parc d'Afrique du Sud dont il s'occupe. Dans ce deuxième épisode, Kevin Richardson s'occupe de jeunes lions qui doivent trouver une nouvelle meute. Le clan des hyènes connait une guerre meurtrière. La mère et la fille se déchirent pour définir qui dirigera le groupe dans le parc. Thor, le lion star du film tourné en 2005, mâle solitaire, est présenté à deux femelles avec qui il devra partager son territoire.</t>
  </si>
  <si>
    <t>16:00:00:00</t>
  </si>
  <si>
    <t>N0012147</t>
  </si>
  <si>
    <t>Ma vie avec les lions : La mort du prince</t>
  </si>
  <si>
    <t>Death In The Kingdom</t>
  </si>
  <si>
    <t>Kevin Richardson a une étonnante capacité à communiquer avec les animaux sauvages et plus particulièrement avec les lions. Dans ce troisième épisode, alors que Kevin doit faire face à la mort du prince, il doit s'occuper d'un jeune lion, Rafiki. Né avec des problèmes aux pattes arrières, il doit subir une opération chirurgicale. Pendant ce temps, la cohabitation entre le vieux lion Thor et ses deux nouvelles compagnes est hésitante. Enfin, Kevin pense à transformer le parc en institution pour sensibiliser les visiteurs à la disparition des lions et aux problèmes de la faune sauvage africaine.</t>
  </si>
  <si>
    <t>16:45:00:00</t>
  </si>
  <si>
    <t>P0893283</t>
  </si>
  <si>
    <t>Michelle ou la vie sauvage : Grand Nord - Pédicure de cochon</t>
  </si>
  <si>
    <t>Yukon Vet: Northern Lites</t>
  </si>
  <si>
    <t>Piggy Pedicure</t>
  </si>
  <si>
    <t>00:25</t>
  </si>
  <si>
    <t>Dans cet épisode, préparez-vous à assister au défilé des bisons rebelles, des porcs-épics piquants et des porcelets fine bouche. Si les animaux du Yukon sont difficiles à comprendre, Michelle Oakley sait parler leur langue. Avec sa fermeté affectueuse et quelques soins du corps, la vétérinaire s’attaque à tous les cas, même les plus épineux !</t>
  </si>
  <si>
    <t>17:20:00:00</t>
  </si>
  <si>
    <t>L'incroyable Dr Pol : Mi-chien mi-oie</t>
  </si>
  <si>
    <t>The Incredible Dr. Pol 10</t>
  </si>
  <si>
    <t>Su-Pol Sized!</t>
  </si>
  <si>
    <t>Dans cet épisode, un chiot joueur se casse une patte, un canard souffre de diarrhée et un chihuahua se met tout à coup à cacarder comme une oie. Les vétérinaires de la clinique du Dr Pol n’ont pas une minute à perdre.</t>
  </si>
  <si>
    <t>19:05:00:00</t>
  </si>
  <si>
    <t>P0873165</t>
  </si>
  <si>
    <t>L'incroyable Dr Pol : L’événement de l’année</t>
  </si>
  <si>
    <t>The Incredible Dr. Pol</t>
  </si>
  <si>
    <t>Fair-Y Dogmother</t>
  </si>
  <si>
    <t>De nouveaux amis à fourrure, de fiers parents et un soleil radieux… Vous ne vous y trompez pas, l’été signe son grand retour dans le centre du Michigan ! Cette semaine, les vétérinaires voient affluer des patients en pleine préparation pour la foire d’Isabella County, un événement majeur dans la région. Entre une urgence de dernière minute chez un champion de l’industrie laitière et une chèvre qui donne des maux de tête, le personnel de la clinique œuvre sans relâche afin de s’assurer que tout est parfait pour le jour J. L’équipe va même jusqu’à présenter plusieurs nouveaux candidats de son cru.</t>
  </si>
  <si>
    <t>19:50:00:00</t>
  </si>
  <si>
    <t>P0873166</t>
  </si>
  <si>
    <t>L'incroyable Dr Pol : Le seigneur des oiseaux</t>
  </si>
  <si>
    <t>Lord of The Wings</t>
  </si>
  <si>
    <t>Cette semaine, les choses tournent mal à la clinique, entre un émeu à la patte cassée, un poulain qui souffre d’une articulation enflée et un mastiff au bout du rouleau. Pendant que Dr Pol bichonne un chat escaladeur, Dr Emily tente de maîtriser une vache bagarreuse et Dr Nicole soigne un cheval. Les animaux de tout poil sont les bienvenus, du chaton minuscule au veau ballonné.</t>
  </si>
  <si>
    <t>20:45:00:00</t>
  </si>
  <si>
    <t>P0930282</t>
  </si>
  <si>
    <t>Au cœur du zoo : L’étoile montante</t>
  </si>
  <si>
    <t>A Serval Star Is Born</t>
  </si>
  <si>
    <t>Pendant qu’Oliver, un gorille à dos argenté, passe sa visite médicale annuelle, des bébés antilocapres rencontrent leurs colocataires pour la première fois. Les soigneurs tentent de comprendre la prise de poids soudaine de Gobi, un chameau de Bactriane. Un serval du nom de Kenya a le trac lors de sa montée sur scène pour le spectacle d’anniversaire de Jungle Jack Hanna.</t>
  </si>
  <si>
    <t>21:40:00:00</t>
  </si>
  <si>
    <t>P0930281</t>
  </si>
  <si>
    <t>Au cœur du zoo : Sourire de chèvre</t>
  </si>
  <si>
    <t>Baa-Baa-Bad Teeth</t>
  </si>
  <si>
    <t>Les soigneurs œuvrent sans relâche pour résoudre un mystère médical et ainsi sauver la vie de Tatu le mandrill. Après ne rien avoir avalé pendant des mois, Cedric l’anaconda montre tout à coup un regain d’intérêt pour la nourriture, suscitant les interrogations des vétérinaires. Une chèvre aux yeux bleus du nom de Talula a rendez-vous chez le dentiste mais n’est visiblement pas de cet avis.</t>
  </si>
  <si>
    <t>22:25:00:00</t>
  </si>
  <si>
    <t>P0753135</t>
  </si>
  <si>
    <t>Michelle ou la vie sauvage : Approcher l'ours</t>
  </si>
  <si>
    <t>Dr. Oakley: Yukon Vet</t>
  </si>
  <si>
    <t>Poking The Bear</t>
  </si>
  <si>
    <t xml:space="preserve">Le Dr. Michelle Oakley s'aventure dans l'Alaska Wildlife Conservation Center pour examiner deux ours noirs. Les ours ont prévu autre chose, et la situation dégénère rapidement. Un jeune louveteau gris a besoin de se faire stériliser, mais l'opération est tout sauf routinière. Les choses s'annoncent grave pour un jeune veau. Un oeil de pitbull est en jeu. Enfin, la jument du Dr. Oakley est peut-être pleine, et le timing ne pourrait pas plus mal tomber.
</t>
  </si>
  <si>
    <t>23:20:00:00</t>
  </si>
  <si>
    <t>P0760581</t>
  </si>
  <si>
    <t>Michelle ou la vie sauvage : Un bison enragé</t>
  </si>
  <si>
    <t>Raging Bison</t>
  </si>
  <si>
    <t xml:space="preserve">Le Dr. Oakley retourne dans l'Alaska Wildlife Conservation Center pour examiner deux bisons en danger, afin de les préparer à leur réintroduction dans la nature. Mais ils n'apprécient pas d'être touchés et poussés. Un cheval entre en collision avec des barbelés. Un changement météorologique brutal rend une castration de porc compliquée. Un appel pour contrôler des chiens de traîneau nécessite que le Dr. Oakley prenne un hélicoptère pour se rendre sur un glacier. 
</t>
  </si>
  <si>
    <t>23:55:00:00</t>
  </si>
  <si>
    <t>P0759737</t>
  </si>
  <si>
    <t>Michelle ou la vie sauvage : Pas de taureau</t>
  </si>
  <si>
    <t>No Bull</t>
  </si>
  <si>
    <t xml:space="preserve">Le Dr. Oakley effectue près de 5 000 kilomètres pour se rendre sur l'Île-du-Prince-Edouard, où elle retrouve sa vieille amie, le Dr. Aimie Doyle. Ensemble, elles se rendent à Buffaloland Park pour s'occuper d'un problème de consanguinité chez un bison américain, mais les bisons font rapidement comprendre qu'ils en ont assez. Le Dr. Oakley est de retour chez elle pour aider un cheval au pied fracturé, à l'Atlantic Veterinary College. Mais d'abord, le Dr. Doyle a besoin de l'aide du Dr. Oakley avec un cheval miniature. 
</t>
  </si>
  <si>
    <t>24:40:00:00</t>
  </si>
  <si>
    <t>P0831491</t>
  </si>
  <si>
    <t>Sri Lanka, île des extrêmes : La reine du parc de Yala</t>
  </si>
  <si>
    <t>Island of The Monsoon</t>
  </si>
  <si>
    <t>Queen of Yala</t>
  </si>
  <si>
    <t>Les forêts ombragées du parc national de Yala constituent pour les léopards furtifs le refuge idéal. Asha, une jeune femelle, ne s’est jusqu’ici jamais aventurée au-delà du territoire de sa mère, une zone lacustre de plus de cinq kilomètres carrés où fourmillent cerfs tachetés et sangliers sauvages, proies rêvées du léopard. Maintenant que sa mère doit s’occuper de ses nouveaux petits, l’heure est venue pour Asha de voler de ses propres ailes.</t>
  </si>
  <si>
    <t>25:20:00:00</t>
  </si>
  <si>
    <t>P0831492</t>
  </si>
  <si>
    <t>Sri Lanka, île des extrêmes : Loka l’éléphanteau</t>
  </si>
  <si>
    <t>Loka The Baby Elephant</t>
  </si>
  <si>
    <t>Entouré de mastodontes, Loka l’éléphanteau doit apprendre à téter, à nager et à se servir de son encombrante trompe sous l’œil bienveillant de sa famille, des enseignements essentiels pour avancer dans la vie d’un éléphant. Bien que ce lieu soit l’endroit rêvé pour un jeune pachyderme en pleine croissance, la sécheresse qui frappe le parc force la mère de Loka à emmener son petit dans un périlleux voyage, en quête de nourriture fraîche.</t>
  </si>
  <si>
    <t>26:05:00:00</t>
  </si>
  <si>
    <t>P0831493</t>
  </si>
  <si>
    <t>Sri Lanka, île des extrêmes : Les chasseurs du lac</t>
  </si>
  <si>
    <t>Lake Hunters</t>
  </si>
  <si>
    <t>Dans les plaines desséchées du Sri Lanka, des singes se délectent des délicieux nénuphars que leur prodigue le lac d’une clairière, où viennent boire cerfs et sangliers. Mais cette scène à l’apparence paisible n’est pas vouée à l’éternité… Un gigantesque crocodile belliqueux émerge des eaux, créant ainsi la panique et provoquant la fuite des cerfs terrifiés. Plus grand crocodile de la région, il règne en maître sur les meilleurs territoires de chasse. Chasseur habile, il se sert de ses pattes puissantes pour creuser des pièges redoutables.</t>
  </si>
  <si>
    <t>26:50:00:00</t>
  </si>
  <si>
    <t>P0831494</t>
  </si>
  <si>
    <t>Sri Lanka, île des extrêmes : Le cours de la vie</t>
  </si>
  <si>
    <t>Web of Life</t>
  </si>
  <si>
    <t>C’est le mois de septembre au Sri Lanka. Si, pour de nombreux animaux, cette période est synonyme d’abondance, elle évoque une lutte acharnée pour d’autres. Au sein du parc national de Minneriya, la plus grande colonie d’éléphants d’Asie s’abreuve à un immense lac artificiel. Tandis que des familles entières parcourent des kilomètres pour s’y rassembler et renouer les liens, cette saison marque un tournant pour un jeune éléphant mâle. À l’aube de l’âge adulte, l’heure est venue pour lui de faire ses adieux à sa famille et de rejoindre un troupeau de pachydermes célibataires. Or, il n’aura d’autre choix que de se battre pour être accepté dans son nouveau gang.</t>
  </si>
  <si>
    <t>27:30:00:00</t>
  </si>
  <si>
    <t>P0780719</t>
  </si>
  <si>
    <t>Homme VS Animal : La vipère de tous les dangers</t>
  </si>
  <si>
    <t>Man V. Animal</t>
  </si>
  <si>
    <t>Ultimate Vipers</t>
  </si>
  <si>
    <t>La vipère de tous les dangers : les vipères sont à la fois belles et mortelles, elles qui contribuent à 100 000 décès par an. Quel est leur secret ?</t>
  </si>
  <si>
    <t>27:55:00:00</t>
  </si>
  <si>
    <t>28:40:00:00</t>
  </si>
  <si>
    <t>29:25:00:00</t>
  </si>
  <si>
    <t>07/02/2021</t>
  </si>
  <si>
    <t>P0797470</t>
  </si>
  <si>
    <t>L'incroyable Dr Pol : Thanksgiving</t>
  </si>
  <si>
    <t>Albert En-swine</t>
  </si>
  <si>
    <t>00:42</t>
  </si>
  <si>
    <t>À l’approche de Thanksgiving, Charles Pol fait preuve d’une gratitude sans limite. Afin de montrer sa reconnaissance aux membres de son équipe pour leur travail acharné, le Dr Pol leur concocte un dîner de Thanksgiving à la clinique, avec au menu une dinde frite ! Ses marques d’attention ne s’arrêtent pas là : les vétérinaires de la clinique s’affairent à résoudre les complications les unes après les autres. Ils font la rencontre d’un fennec rare et sont confrontés à une anomalie déroutante. Cet épisode met à l’honneur les efforts sans relâche et le travail passionné de l’équipe de vétérinaires, que les clients et leurs animaux de compagnie sont heureux d’avoir à leurs côtés.</t>
  </si>
  <si>
    <t>P0797471</t>
  </si>
  <si>
    <t>L'incroyable Dr Pol : Adieu Frija</t>
  </si>
  <si>
    <t>One Great Dane</t>
  </si>
  <si>
    <t>00:43</t>
  </si>
  <si>
    <t xml:space="preserve">L’heure est à l’émotion pour la famille Pol qui doit faire ses adieux à son grand danois adoré, Frija. Les patients continuent d’affluer à la clinique, ne laissant pas de place au répit. Cette semaine n’est pas simple et les patients sont nombreux. Parmi ceux-ci, un berger allemand blessé par balles se montrant peu coopératif, un adorable chaton au poil soyeux souffrant d’une infection aux mites moins adorable ainsi qu’une vache en gestation mettant à mal la bravoure du Dr Emily !
</t>
  </si>
  <si>
    <t>P0788905</t>
  </si>
  <si>
    <t>Urgences Animales : De fil en aiguille</t>
  </si>
  <si>
    <t>Animal ER</t>
  </si>
  <si>
    <t>On Pins And Needles</t>
  </si>
  <si>
    <t>Cette semaine dans la clinique Gulf Coast, les meilleurs vétérinaires du Texas traitent un yorkshire qui a avalé une aiguille à coudre, un chaton blessé aux dents, à la mâchoire et à l’œil après une rencontre avec un chien, un manchot royal qui a la cheville enflée, un vallhund suédois qui boit et urine trop souvent, et un westie qui souffre d’allergies cutanées.</t>
  </si>
  <si>
    <t>P0853496</t>
  </si>
  <si>
    <t>Les espaces sauvages d'Amérique : Au cœur du Grand Canyon</t>
  </si>
  <si>
    <t>America's Wild Spaces</t>
  </si>
  <si>
    <t>Deep Into The Grand Canyon</t>
  </si>
  <si>
    <t>00:22</t>
  </si>
  <si>
    <t>Site classé au patrimoine mondial de l’UNESCO, le Grand Canyon est l’une des rares formations géologiques terrestres visibles depuis l’espace et l’un des parcs nationaux les plus emblématiques des États-Unis. Situés au bord d’un abîme, les visiteurs ne perçoivent qu’une infime fraction de la beauté du Grand Canyon que renferment ses roches, ses eaux et ses espèces sauvages. Sa faune, sa flore, le processus et le moment de sa formation demeurent un mystère pour les chercheurs. National Geographic se lance dans une aventure scientifique à la découverte des 450 kilomètres de longueur du Canyon et de ses mystères.</t>
  </si>
  <si>
    <t>P0837368</t>
  </si>
  <si>
    <t>Destination Wild : Arctique - Îles de glace et de feu</t>
  </si>
  <si>
    <t>Wild Arctic</t>
  </si>
  <si>
    <t>Islands of Ice And Fire</t>
  </si>
  <si>
    <t>Netherlands</t>
  </si>
  <si>
    <t>Entre un ours polaire aux prises avec la fonte des glaces et une chenille résistante au gel dont l’évolution en chrysalide demande plus de 10 ans, les îles arctiques repoussent les limites des animaux. Dans l’océan Arctique, l’hiver est synonyme de complète obscurité. Durant cette saison, les îles sont emprisonnées dans 26 millions de kilomètres carrés de banquise. À l’inverse, le soleil ne se couche jamais en été, entraînant une importante fonte des glaces et libérant les îles reculées de la banquise, dont les côtes voient alors affluer d’immenses colonies d’oiseaux et de nombreux mammifères marins.</t>
  </si>
  <si>
    <t>18:10:00:00</t>
  </si>
  <si>
    <t>P0837367</t>
  </si>
  <si>
    <t>Destination Wild : Arctique - La forêt de glace</t>
  </si>
  <si>
    <t>The Frozen Forest</t>
  </si>
  <si>
    <t>Constituée d’un billion d’arbres, la forêt boréale recouvre la planète entière. L’hiver, cette forêt de glace n’est autre qu’une terre glaciaire silencieuse et désolée, où la plupart des formes de vie se tapissent sous un épais manteau de neige. Certaines espèces ont toutefois mis au point des tactiques ingénieuses afin de survivre aux hivers rigoureux de cette forêt polaire. L’été voit affluer de nombreux animaux : ours, loups et colibris surgissent, avides de prendre part à un gigantesque festin.</t>
  </si>
  <si>
    <t>P0837366</t>
  </si>
  <si>
    <t>Destination Wild : Arctique - Désert de glace</t>
  </si>
  <si>
    <t>Desert of Ice</t>
  </si>
  <si>
    <t>À l’extrême Nord de notre planète, les étendues arides et implacables de la toundra arctique s’étirent sur des kilomètres de glace qui relient l’Asie, l’Europe et l’Amérique. Ces terres désolées abritent une multitude d’animaux fascinants aux capacités d’adaptation uniques leur permettant de survivre aux conditions extrêmes de ce biome. Du plus grand prédateur terrestre aux plantes carnivores, seules les espèces les plus résilientes survivront.</t>
  </si>
  <si>
    <t>P0756759</t>
  </si>
  <si>
    <t>Destination Wild : Europe sauvage</t>
  </si>
  <si>
    <t>Europe's Last Wilderness</t>
  </si>
  <si>
    <t>Europe's Last Wilderness, 1</t>
  </si>
  <si>
    <t xml:space="preserve">L'Europe abrite de nombreux climats et terrains, dans lesquels on retrouve des habitats naturels qui comptent parmi les plus complexes et les plus beaux de la planète. Ce continent, dont les limites s'étendent des royaumes glacés du Nord aux côtes méditerranéennes, est façonné par les saisons, qui donnent vie à une faune riche et dynamique. Bienvenue en Europe, un continent sauvage et prospère.
</t>
  </si>
  <si>
    <t>P0797472</t>
  </si>
  <si>
    <t>L'incroyable Dr Pol : Renforts à la rescousse !</t>
  </si>
  <si>
    <t>Show Me the Bunny</t>
  </si>
  <si>
    <t>Au programme cette semaine à la clinique du Dr Pol : des orteils cassés, des infestations par vers et des chiots qui tètent. Si cela a des airs de routine pour l’équipe, le Dr Pol et Diane sont en sous-effectif aujourd’hui. Cerise sur le gâteau, Charles est parti faire un tour en ville et le couple Pol a besoin de renforts. Leurs petits-enfants, Adam et Rachel, s’empressent de venir les aider. Adam répond aux coups de fil de la ferme en compagnie de son grand-père pendant que Rachel nettoie les crottes des chiens du chenil. Le Dr Elizabeth appelle désespérément des renforts et le Dr Emily réalise deux opérations vitales sur l’un des cas les plus critiques qu’elle ait vus de sa vie !</t>
  </si>
  <si>
    <t>P0801330</t>
  </si>
  <si>
    <t>L'incroyable Dr Pol : Noël à la clinique</t>
  </si>
  <si>
    <t>Oh, Pol-y Night</t>
  </si>
  <si>
    <t>Ho, ho, ho ! La saison de Noël est arrivée dans le Michigan et le Dr Pol et son équipe dressent la liste de leurs patients, la vérifient minutieusement et récompensent ceux qui ont été vilains, capricieux et sages. Premiers sur la liste, Tink et Lola, deux chiens qui ont désespérément besoin de l’aide des vétérinaires. Le propriétaire de Tink la soupçonne d’avoir dévoré plusieurs mètres de guirlandes lumineuses. Dr Pol s’empresse de lui faire passer une radiographie d’urgence. De son côté, le Dr Elizabeth fait passer une échographie à Lola afin de déterminer le nombre de chiots qu’elle mettra au monde le matin de Noël ! Dr Pol a encore du pain sur la planche : Pokeyhontas, un hérisson épineux, souffre d’une infection carabinée à l’oreille. Pour terminer l’année, Dr Emily fait naître un veau présentant une énorme quantité de liquide dans les poumons et doit sauver le nouveau-né de la noyade.</t>
  </si>
  <si>
    <t>L'incroyable Dr Pol : Bien mal en point</t>
  </si>
  <si>
    <t>Sprain, Sprain, Go Away</t>
  </si>
  <si>
    <t>Des émeus chancelants, des poulains couverts de bleus, des cochons boiteux et des chiens contaminés ne suffiront pas à faire tressaillir nos vétérinaires chevronnés !</t>
  </si>
  <si>
    <t>N0023180</t>
  </si>
  <si>
    <t>Man vs Lion</t>
  </si>
  <si>
    <t>Man V. Lion</t>
  </si>
  <si>
    <t>Man V. Lion, 1</t>
  </si>
  <si>
    <t>Seuls quelques centimètres de plexiglas séparent Boone Smith des plus grands prédateurs de la planète. L'expert des fauves vous emmène plus près des lions d'Afrique que vous ne l'auriez jamais imaginé. Observant trois lions mâles à la recherche de leur prochain repas, Boone Smith décortique toutes les étapes de l'attaque des lions : la traque, la poursuite, le saut, la puissance et la morsure. Boone s'invite au repas des lions dévorant leur proie, s'approchant suffisamment près pour sentir leur souffle.</t>
  </si>
  <si>
    <t>P0780718</t>
  </si>
  <si>
    <t>Homme VS Animal : Tuée par les coyotes</t>
  </si>
  <si>
    <t>Killed By Coyotes</t>
  </si>
  <si>
    <t>Tuée par les coyotes : quand une promenade dans les bois se termine de manière dramatique, une jeune femme décède dans des circonstances choquantes.</t>
  </si>
  <si>
    <t>08/02/2021</t>
  </si>
  <si>
    <t>Europe, continent sauvage : Au chevet des ours d’Europe</t>
  </si>
  <si>
    <t>Europe's New Wild</t>
  </si>
  <si>
    <t>Saving Europe's Bears</t>
  </si>
  <si>
    <t>En Italie et en Croatie, plusieurs mesures destinées à la sauvegarde d’une espèce d’ours rare permettent à de nombreux autres animaux et à divers territoires de prospérer.</t>
  </si>
  <si>
    <t>N0027927</t>
  </si>
  <si>
    <t>Destination Wild : Europe - En eaux vives</t>
  </si>
  <si>
    <t>Europe's Great Wilderness</t>
  </si>
  <si>
    <t>Europe's Living Waters</t>
  </si>
  <si>
    <t xml:space="preserve">L’histoire des eaux douces de l’Europe commence en altitude. La fonte des eaux provenant des sommets enneigés est venue alimenter ses rivières les plus abondantes. Au cours de leur voyage vers le centre de la Terre, les ruisseaux et rivières ont sculpté de magnifiques paysages. Les gorges, les lacs et les zones humides abritent un large éventail d’espèces animales tandis que les mers et les océans dessinent des littoraux d’une diversité infinie. </t>
  </si>
  <si>
    <t>P0853501</t>
  </si>
  <si>
    <t>Les espaces sauvages d'Amérique : Les splendeurs du parc national de Glacier</t>
  </si>
  <si>
    <t>Glories of Glacier National Park</t>
  </si>
  <si>
    <t>Situé dans le nord du Montana, le parc national de Glacier constitue sans doute le milieu naturel le plus fascinant des États-Unis. Chaque année, des millions de touristes s’y pressent afin d’admirer les 700 lacs et zones humides, les sommets vertigineux, les centaines de cascades et les glaciers qui composent le parc. Avec plus de 2 000 espèces végétales et animales – des carcajous aux grizzlis –, ce parc est l’un des environnements à la plus grande biodiversité d’Amérique du Nord. Les écosystèmes qui empiètent sur la ligne continentale de partage des eaux dépendent aujourd’hui de la fonte des glaces, mais plus pour longtemps…</t>
  </si>
  <si>
    <t>09:05:00:00</t>
  </si>
  <si>
    <t>N0023554</t>
  </si>
  <si>
    <t>Michelle ou la vie sauvage : Vaccination pour le Lynx</t>
  </si>
  <si>
    <t>Yukon Vet</t>
  </si>
  <si>
    <t>The Missing Lynx</t>
  </si>
  <si>
    <t>Dans le Yukon, de nombreuses personnes comptent sur Michelle Oakley pour soigner leurs animaux. Dans cette région, les habitants dépendent de leurs animaux pour manger, pour gagner leur vie et ont avec eux un très fort lien affectif. Au programme de cette nouvelle semaine pour Michelle, une chirurgie délicate sur un renne qui pourrait ne pas survivre à l'hiver et la vaccination d'un bébé lynx. En se dirigeant vers l'Alaska, elle ausculte les oreilles enflées d'un vieux chien de chasse, deux labradors noirs blessés au côté lors d'un combat avec un porc-épic et un grand-duc prêt à être relâché. Mais rien de tout cela ne pourra dépasser l'émotion ressentie par notre médecin lorsque Sierra, sa fille aînée, part pour trois semaines dans la brousse suivre une formation intensive de guide.</t>
  </si>
  <si>
    <t>09:50:00:00</t>
  </si>
  <si>
    <t>N0023698</t>
  </si>
  <si>
    <t>Michelle ou la vie sauvage : Le temps de la séduction</t>
  </si>
  <si>
    <t>Bull Steam Ahead</t>
  </si>
  <si>
    <t>C'est la fin de l'été dans le Yukon et il est temps pour de nombreux animaux de se reproduire, même si certains des patients de Michelle mettent un peu de temps à démarrer ce processus. Les visites de notre Yukon Vet commence par le ranch El Dorado de Wayne Groves dont les wapitis ne montrent aucun signe de rut. Le travail se poursuit avec les chevaux sauvages d'Arnold Johnsons et la castration simultanée de deux petits étalons. Place ensuite à la détente pour Michelle qui se rend à une foire avec ses filles Sierra, Maya et Willow. Mais un appel pourrait bien mettre fin à la petite escapade familiale. La journée se poursuit par la surveillance de la grossesse de deux vaches et se termine par l'une des expériences les plus appréciée des vétérinaires, relâcher un animal dans la nature.</t>
  </si>
  <si>
    <t>10:45:00:00</t>
  </si>
  <si>
    <t>P0753134</t>
  </si>
  <si>
    <t>Michelle ou la vie sauvage : Une mère furieuse</t>
  </si>
  <si>
    <t>One Mad Mama</t>
  </si>
  <si>
    <t xml:space="preserve">Le Dr. Oakley se rend dans la Yukon Wildlife Preserve pour étiqueter des moutons, mais ils ne l'entendent pas de cette oreille... Une vache souffrante a des problèmes pour allaiter son petit, ce qui menace sa santé. Un vieux boeuf musqué a besoin d'aide pour se déplacer, mais la situation devient compliquée lorsque de jeunes congénères arrivent. Un cochon super-héros passe à l'acte. Un ancien patient canin est de retour, et son problème de patte a empiré.
</t>
  </si>
  <si>
    <t>11:40:00:00</t>
  </si>
  <si>
    <t>N0024701</t>
  </si>
  <si>
    <t>L'incroyable Dr Pol : De gros sabots</t>
  </si>
  <si>
    <t>The Upper Hoof</t>
  </si>
  <si>
    <t>Comme toujours, la journée est chargée pour les vétérinaires de la clinique. Le Dr Pol dispute des vaches qui refusent leur contrôle de grossesse. De son côté, le Dr Brenda fait face à une situation d'urgence car Sisco, le cheval, souffre de coliques depuis des heures. Les deux vétérinaires sont toujours prêts pour l'action, mais à la clinique, on manque de personnel et le Dr Sandra se prépare à partir.</t>
  </si>
  <si>
    <t>12:35:00:00</t>
  </si>
  <si>
    <t>N0024700</t>
  </si>
  <si>
    <t>L'incroyable Dr Pol : Des nerfs d'acier</t>
  </si>
  <si>
    <t>Nerves of Steer</t>
  </si>
  <si>
    <t>Les chevaux sont en train de rendre le Dr Pol complètement fou. En effet, les problèmes de toutes sortes se multiplient : nez qui coule, entailles horribles et même des problèmes de pénis. Le Dr Pol est toujours prêt à relever les défis et pourtant, le stress le gagne lorsqu'il est invité à prononcer un discours d'ouverture devant l'ensemble des diplômés de l'Université Central Michigan. Il sait qu'il est doué de ses mains mais s'exprimer en public est une toute autre affaire !</t>
  </si>
  <si>
    <t>13:05:00:00</t>
  </si>
  <si>
    <t>14:20:00:00</t>
  </si>
  <si>
    <t>P0950385</t>
  </si>
  <si>
    <t>Europe, continent sauvage : L’Amazonie d’Europe</t>
  </si>
  <si>
    <t>Europe's Amazon</t>
  </si>
  <si>
    <t>Depuis la Forêt-Noire allemande, le Danube poursuit son cours sur 3 000 kilomètres à l’est jusqu’à la mer Noire, où il se divise en centaines de canaux entrelacés qui composent plus de 4 000 kilomètres carrés du delta du Danube. Ce fleuve alimente une multitude d’habitats naturels où vivent plus de 300 incroyables espèces d’oiseaux de milieux humides, plus de 40 espèces de mammifères, ainsi que des centaines d’amphibiens, de poissons et d’insectes. Alors que le delta gagne du terrain sur la mer Noire chaque année, son avenir repose aujourd’hui entre les mains des défenseurs de l’environnement qui œuvrent pour la préservation de ces habitats uniques et fragiles.</t>
  </si>
  <si>
    <t>15:10:00:00</t>
  </si>
  <si>
    <t>P0855577</t>
  </si>
  <si>
    <t>Destination Wild Mongolie : Les survivants du désert</t>
  </si>
  <si>
    <t>Wild Mongolia: Land of Extremes</t>
  </si>
  <si>
    <t>Desert Survivors</t>
  </si>
  <si>
    <t>Niché sur un plateau montagneux au cœur de l’Asie, le désert de Gobi est l’une des régions désertiques les plus extrêmes au monde. Les espèces sauvages qui parcourent ce dangereux désert du sud de la Mongolie ont évolué afin de survivre au climat aride. Mais la course contre la mort n’a rien d’un long fleuve tranquille et tous ne survivront pas jusqu’à la tombée de la nuit.</t>
  </si>
  <si>
    <t>P0855578</t>
  </si>
  <si>
    <t>Destination Wild Mongolie : Les plaines de l’extrême</t>
  </si>
  <si>
    <t>Extreme Grassland</t>
  </si>
  <si>
    <t>Les steppes mongoles sont encerclées par les forêts denses de la taïga au nord et le désert de Gobi au sud. Elles abritent des animaux dont la vie est rythmée par un élément essentiel : l’herbe. Théâtre des plus grands rassemblements d’espèces sauvages que l’on peut voir sur Terre, les steppes sont parcourues par certains des animaux les plus résilients de notre monde. Contre toute attente, ces créatures sont parvenues à survivre sur ces territoires hostiles.</t>
  </si>
  <si>
    <t>16:50:00:00</t>
  </si>
  <si>
    <t>P0855579</t>
  </si>
  <si>
    <t>Destination Wild Mongolie : Au-dessus des nuages</t>
  </si>
  <si>
    <t>Kingdom Above The Clouds</t>
  </si>
  <si>
    <t>Dans les monts dorés de l’Altaï évoluent des animaux parmi les plus légendaires et les plus insaisissables de la planète. Sur ces cimes sauvages et imprévisibles, le bruit des batailles héroïques résonne. Des créatures furtives traquent les ombres tandis que de minuscules pikas tentent d’échapper aux plus redoutables prédateurs de Mongolie. Détermination et talent sont nécessaires pour survivre sur ces sommets… une fin heureuse à laquelle tous n’auront pas droit.</t>
  </si>
  <si>
    <t>17:40:00:00</t>
  </si>
  <si>
    <t>P0870261</t>
  </si>
  <si>
    <t>Dog Impossible : Le passage de la laisse</t>
  </si>
  <si>
    <t>Dog: Impossible</t>
  </si>
  <si>
    <t>Don't Fear The Collar</t>
  </si>
  <si>
    <t>Matt prend sous son aile deux chiens qui vivaient autrefois à l’état sauvage et qu’il doit désormais domestiquer afin qu’ils s’adaptent à leur nouvel environnement sans crainte.</t>
  </si>
  <si>
    <t>18:30:00:00</t>
  </si>
  <si>
    <t>P0870264</t>
  </si>
  <si>
    <t>Dog Impossible : Tyrannisés</t>
  </si>
  <si>
    <t>The Tormentor</t>
  </si>
  <si>
    <t>Matt s’occupe de plusieurs chiens paralysés par l’angoisse et l’instabilité de leur quotidien : une bande de cinq bouledogues et un pitbull croisé présentant une extrême agressivité par peur.</t>
  </si>
  <si>
    <t>19:25:00:00</t>
  </si>
  <si>
    <t>20:05:00:00</t>
  </si>
  <si>
    <t>P0760583</t>
  </si>
  <si>
    <t>Michelle ou la vie sauvage : La riposte du troupeau</t>
  </si>
  <si>
    <t>When Cows Fight Back</t>
  </si>
  <si>
    <t xml:space="preserve">Le Dr. Oakley se rend dans une ferme reculée pour une castration de veau, mais l'opération de routine devient dangereuse lorsqu'un troupeau de vaches en colère débarque pour protéger leur petit. Un chien de traîneau à la retraite a besoin d'une opération urgente pour retourner son estomac sévèrement gonflé. Une potentielle tumeur menace la vie d'un cheval Clydesdale. Un bouvier bernois donne naissance à des petits à deux jours d'intervalle, ce qui signifie peut-être des problèmes de ventre. L'histoire secrète d'un perroquet est révélée. 
</t>
  </si>
  <si>
    <t>21:35:00:00</t>
  </si>
  <si>
    <t>P0758814</t>
  </si>
  <si>
    <t>Michelle ou la vie sauvage : Un ours en danger</t>
  </si>
  <si>
    <t>Bad News Bear</t>
  </si>
  <si>
    <t xml:space="preserve">Mieux vaut prévoir un répulsif à ours ! Le Dr. Oakley risque tout pour sauver un ours brun de la noyade, et doit ensuite courir pour sauver sa vie. Un renne lutte pour pouvoir manger à cause d'une condition potentiellement mortelle de la bouche, appellée « joues de tamia ». Un petit veau est menacé par un cas de salmonellose, et un cheval de compétition pourrait bien dire adieu à ses sauts. Enfin, la partie est terminée pour un sanglier de 270 kilos et ses bijoux de famille démesurés.   
</t>
  </si>
  <si>
    <t>P0758816</t>
  </si>
  <si>
    <t>Michelle ou la vie sauvage : Quand les chevaux volent</t>
  </si>
  <si>
    <t>When Horses Fly</t>
  </si>
  <si>
    <t xml:space="preserve">Le Dr. Oakley prend son envol pour déplacer deux chevaux sauvages, des descendants d'un troupeau robuste qui a autrefois appartenu à une tribu locale. De dangereuses complications surviennent lorsqu'elle tente de soulever les chevaux pour les emmener dans leur nouvel habitat. La gestation d'une jeune chatte pourrait nécessiter une décision médicale compliquée. Le coussinet d'un chien s'ouvre en deux, tandis qu'un autre lutte contre une grave infection de l'oreille. Des questions importantes concernants la gestation d'une vache obligent le Dr. Oakley à agir rapidement. 
</t>
  </si>
  <si>
    <t>Michelle ou la vie sauvage : Le grand méchant loup</t>
  </si>
  <si>
    <t>The Big Bad Wolf</t>
  </si>
  <si>
    <t>Accompagnée de ses filles Maya, Sierra et Willow, Michelle Oakley se rend à l’Alaska Wildlife Conservation Center, où les attend un loup solitaire. L’équipe en profite pour ausculter et faire passer une radiographie à Athena, un veau musqué boiteux. De retour à la clinique, à Haines, la vétérinaire examine Daisy Mae, son carlin, et retire une quantité impressionnante de liquide sur Robin le poulet. Pour finir, les Oakley offrent à un pygargue à tête blanche une manucure ainsi qu’une pédicure bien méritées.</t>
  </si>
  <si>
    <t>N0012164</t>
  </si>
  <si>
    <t>Les cowboys des marais : Tempête en vue</t>
  </si>
  <si>
    <t>Swamp Men</t>
  </si>
  <si>
    <t>The Coming Storm</t>
  </si>
  <si>
    <t>Basés dans les Everglades en Floride, les "Gator Guys" (Hommes crocodiles) repartent pour notre plus grand plaisir dans une deuxième saison. Leur mission : écarter le moindre risque d'accident entre visiteurs et animaux sauvages, dans le parc animalier le plus sauvage d'Amérique du nord. Crocodiles, serpents et bien d'autres prédateurs dangereux rythment leur trépident quotidien. Leur joie de vivre et l'amitié qu'ils ont nouée au fil des mois donnent à cette série une atmosphère toute particulière et met l'accent sur la complicité grandissante avec les espèces sauvages qui les entourent.</t>
  </si>
  <si>
    <t>N0012167</t>
  </si>
  <si>
    <t>Les cowboys des marais : Au feu !</t>
  </si>
  <si>
    <t>Fire Hazard</t>
  </si>
  <si>
    <t>N0014356</t>
  </si>
  <si>
    <t>Les cowboys des marais : Un coup fatal !</t>
  </si>
  <si>
    <t>Deadly Blow</t>
  </si>
  <si>
    <t xml:space="preserve">Qui appeler lorsqu'il y a un alligator de 4 mètres sur votre propriété ? Les cowboys des marais sont sollicités afin de déloger ce visiteur, mais le reptile semble particulièrement léthargique. Ils le déplacent à Billie Swamp Safari afin de le soigner, mais leurs efforts seront vains. La vie continue toutefois au parc, et l'équipe tente d'aider un vieil alligator qui se fait voler sa nourriture. Mais le reptile vit à " Alcatraz ", la zone réservée aux alligators les plus dangereux du parc... De l'autre côté du domaine, une panthère de Floride a été repérée, cette espèce de puma est menacée et Jodi tente de filmer l'animal. </t>
  </si>
  <si>
    <t>P0780997</t>
  </si>
  <si>
    <t>Top 10 des animaux : Les éléphants et les orangs-outans</t>
  </si>
  <si>
    <t>Ultimate Animals Compilations</t>
  </si>
  <si>
    <t>Elephants and Orangutans</t>
  </si>
  <si>
    <t>00:30</t>
  </si>
  <si>
    <t>Découvrez tout ce qu’il y a à savoir sur vos animaux préférés. Chaque épisode de 30 minutes présente une foule d’informations sur deux animaux, dont le fonctionnement et les particularités sont analysés par des spécialistes, des graphismes ultra perfectionnés, des ralentis et des images en pleine action, très rares.</t>
  </si>
  <si>
    <t>09/02/2021</t>
  </si>
  <si>
    <t>P0779830</t>
  </si>
  <si>
    <t>Homme VS Animal : Le crocodile de tous les records</t>
  </si>
  <si>
    <t>Ultimate Crocodile</t>
  </si>
  <si>
    <t>Le crocodile de tous les records : ce reptile géant survit sans aucune évolution depuis 100 millions d’années. La science nous dévoile son étonnante intelligence et sa réaction quand l’homme empiète sur son territoire.</t>
  </si>
  <si>
    <t>N0024702</t>
  </si>
  <si>
    <t>L'incroyable Dr Pol : Blessures hivernales</t>
  </si>
  <si>
    <t>Udderly Frozen</t>
  </si>
  <si>
    <t>Vétérinaires et animaux doivent faire face au froid glacial de l'hiver qui est arrivé. Les agriculteurs, le bétail et les animaux domestiques font de leur mieux pour s'adapter tandis que le Dr Pol se réchauffe de la seule manière qu'il connaît, en restant occupé. Mamelles gelées à soigner, points de suture sur un porc ou accouchement d'un énorme veau, ce ne sont pas quelques degrés de moins qui vont l'arrêter.</t>
  </si>
  <si>
    <t>P0846206</t>
  </si>
  <si>
    <t>Le choc des tigres</t>
  </si>
  <si>
    <t>Clash of Tigers</t>
  </si>
  <si>
    <t>Clash of Tigers, 1</t>
  </si>
  <si>
    <t>India</t>
  </si>
  <si>
    <t>Jusqu’où une tigresse peut-elle donc aller afin d’assurer la protection du plus vulnérable de ses petits ? Krishna, une tigresse de six ans, donne naissance à une deuxième portée composée de quatre tigreaux vigoureux. Les tigresses mères sont mystérieuses et extrêmement protectrices car ce sont les seules à veiller sur leurs petits. Krishna les emmène sur une île afin de les préserver des prédateurs et des éléments naturels. Mais la tigresse perd l’un d’entre eux, probablement disparu sous les crocs d’un crocodile lors de la traversée du lac… Les pleurs plaintifs de sa mère résonnent pendant un long moment, tandis qu’elle se replie sur les trois tigreaux qu’il lui reste. Sous son œil vigilant et ses soins maternels, les petits grandissent et gagnent en force.</t>
  </si>
  <si>
    <t>P0893957</t>
  </si>
  <si>
    <t>Tigres en péril</t>
  </si>
  <si>
    <t>Counting Tigers</t>
  </si>
  <si>
    <t>Pénétrez les coulisses du plus vaste recensement d’espèces sauvages jamais réalisé, destiné à déterminer le nombre de tigres sur Terre. Combien de ces animaux majestueux reste-t-il à l’état sauvage ?</t>
  </si>
  <si>
    <t>P0788913</t>
  </si>
  <si>
    <t>Le tigre le plus célèbre du monde : Machli</t>
  </si>
  <si>
    <t>The World's Most Famous Tiger</t>
  </si>
  <si>
    <t>Véritable reine du parc national de Ranthambore, situé en Inde, Machli est la plus célèbre des tigresses du monde. Cette féline légendaire est une redoutable guerrière dont les courageux exploits ont fait sa renommée. Mère de quatre portées de tigreaux, elle vit depuis bien plus longtemps que la majorité des tigres à l’état sauvage. Menacée par sa propre progéniture, Machli risque désormais de perdre son emprise sur le plus grand territoire du parc.</t>
  </si>
  <si>
    <t>N0023119</t>
  </si>
  <si>
    <t>La vengeance des tigresses</t>
  </si>
  <si>
    <t>Tiger's Revenge</t>
  </si>
  <si>
    <t>"La vengeance des tigresses" raconte l'histoire de deux soeurs tigresses vivant dans le parc national de Ranthambore, au Rajasthan, en Inde. D'un côté Sundari, un animal puissant mais qui en plus de deux ans n'a pas réussi à donner naissance à des petits. De l'autre, sa soeur Krishnaa, qui a mis bas trois bébés en bonne santé. Dans le décor somptueux d'un ancien fort autrefois propriété des maharajas du Rajasthan, alliances secrètes, blessures de combat et disparition mystérieuse rythment le récit de leur rivalité.</t>
  </si>
  <si>
    <t>Lignées de prédateurs : L’histoire du léopard</t>
  </si>
  <si>
    <t>A Leopard's Tale</t>
  </si>
  <si>
    <t>Après avoir perdu sa mère et sa sœur dès l’âge d’un an, notre héros du jour a appris à chasser seul. Il doit désormais affronter ses comparses voleurs. Face aux hyènes qui se trouvent en permanence à ses trousses, il décide de partir à la recherche de son propre territoire. Il a défié tous les obstacles et contredit tous les stéréotypes : non seulement sociable, il accorde une grande importance à sa famille. Vous ne pourrez vous empêcher de rire et de le soutenir dans sa quête de liberté.</t>
  </si>
  <si>
    <t>P0870260</t>
  </si>
  <si>
    <t>Dog Impossible : Obstacles périlleux</t>
  </si>
  <si>
    <t>Dangerous Dynamics</t>
  </si>
  <si>
    <t>Malgré de dangereux obstacles, Matt tente de réconcilier une famille et de rétablir un lien de confiance entre une mère et son chiot.</t>
  </si>
  <si>
    <t>Lignées de prédateurs : La confrérie</t>
  </si>
  <si>
    <t>The Brotherhood</t>
  </si>
  <si>
    <t>Les voir traverser la Mara à grandes enjambées est un spectacle fascinant. Les mâles de cette bande de frères inséparables augmentent leurs chances de survie contre les grands prédateurs de la savane que sont les lions et les hyènes. Les femelles tachetées et athlétiques qui vivent également sur ces plaines ne les laissent pas indifférents. Mais aucune alliance ne se scelle sans difficulté et le choix du meneur est loin d’être arrêté…</t>
  </si>
  <si>
    <t>P0893973</t>
  </si>
  <si>
    <t>Inde, à la découverte du léopard</t>
  </si>
  <si>
    <t>Mission Critical: India's Wild Cats</t>
  </si>
  <si>
    <t>India's Wild Leopards</t>
  </si>
  <si>
    <t>Royaume des tigres, l’Inde abrite également les maîtres incontestés de la furtivité, qui rôdent au fin fond de la jungle et sur les plus hautes cimes des montagnes. Partez pour le Ladakh, dans l’Himalaya, à la rencontre des léopards des neiges, aussi appelés fantômes des sommets. Poursuivez votre voyage dans les jungles du nord-est du pays, territoire de la panthère nébuleuse, le plus petit des grands félins. Sandesh Kadur, reporter animalier et membre de National Geographic, part en mission afin de révéler la vie mystérieuse de ces chats majestueux.</t>
  </si>
  <si>
    <t>P0867711</t>
  </si>
  <si>
    <t>Terre de prédateur : Hyènes tachetées et lycaons</t>
  </si>
  <si>
    <t>Spotted Hyena And African Wild Dog</t>
  </si>
  <si>
    <t>Parmi les grands prédateurs d’Afrique, les hyènes tachetées sont les plus nombreuses, car elles peuvent survivre dans des régions pourtant hostiles à d’autres carnivores. Les populations actuelles sont concentrées au sein d’aires protégées ; selon les estimations, la zone du parc national Kruger abrite près de 4 000 hyènes, un effectif stable. Considérées comme les plus redoutables chasseuses de la savane africaine, les hyènes rivalisent avec les lions et les léopards. Elles règnent sur leur territoire d’une main de maître et surveillent de près les léopards, qu’elles volent dès qu’elles le peuvent. Elles traquent également les jeunes lions, guettant la moindre occasion de dérober leurs proies. De son côté, le lycaon figure parmi les prédateurs les plus menacés de la planète ; seuls 6 600 individus demeurent à l’état sauvage. Dans cet épisode, nous suivrons un clan de hyènes tachetées régi par une puissante matriarche ainsi qu’une meute de lycaons qui s’installe sur le territoire des hyènes afin d’y élever ses neuf petits.</t>
  </si>
  <si>
    <t>N0023538</t>
  </si>
  <si>
    <t>Prédateurs en détresse : Piège en eaux troubles</t>
  </si>
  <si>
    <t>Deep Water Death Match</t>
  </si>
  <si>
    <t>Sous l'eau, vitesse et stratégie sont les éléments clés de la chasse. Et même si les meilleurs prédateurs sont passés maîtres dans cet art, tout ne se passe pas toujours comme prévu. Parfois, les probabilités sont même en faveur de la proie. Combien faut-il d'échecs à nos prédateurs avant de réussir leur coup ? Découvrez ce qu'il en coûte réellement aux prédateurs pour attraper leur repas.</t>
  </si>
  <si>
    <t>N0013474</t>
  </si>
  <si>
    <t>Prédateurs fous : Le lion</t>
  </si>
  <si>
    <t>Maneater Manhunt</t>
  </si>
  <si>
    <t>Lion Attack</t>
  </si>
  <si>
    <t>Gordon Buchanan, après avoir étudié les félins pendant de nombreuses années, est convaincu qu'ils ne sont pas un prédateur pour l'Homme. Pourtant, certains pays d'Afrique de l'Est ont recensé plusieurs milliers d'attaques sur la population locale. L'occasion pour Gordon de retourner en Tanzanie, le long de la rivière Rufiji. Ici, la cohabitation entre les Hommes et les lions est particulièrement difficile. Accompagné d'un chasseur de lion, Harunnah Lyimo, notre expert sillonne la région à la rencontre de témoins afin d'essayer de comprendre ce qui pousse le roi des animaux à chasser les êtres humains. Pour résoudre cette énigme, Gordon décide de passer une nuit seul et observe à l'aide de plusieurs caméras la vie nocturne au coeur d'une exploitation. Les découvertes qu'il va faire vont l'amener à déceler le secret de ces attaques, et de comprendre pourquoi le comportement du lion a changé au point de devenir un mangeur d'hommes...</t>
  </si>
  <si>
    <t>P0753150</t>
  </si>
  <si>
    <t>Snakes In The City : Cobra dans la cuisine</t>
  </si>
  <si>
    <t>Snakes In The City</t>
  </si>
  <si>
    <t>Cobra In The Kitchen</t>
  </si>
  <si>
    <t xml:space="preserve">Dans cet épisode, Simon et Siouxsie reçoivent un appel téléphonique paniqué après qu'un gros mamba noir a été aperçu dans un cabanon. À leur arrivée, ils sont escortés dans une pièce noire remplie de pots en argile et de peintures. Le mamba noir, le serpent le plus craint de toute l'Afrique, se cache derrière un grand placard. Simon et Siouxsie ne sont pas à leur avantage : ils ne peuvent pas voir le serpent, mais lui peut les voir ! Simon tente de l'attraper, mais cet excellent grimpeur se retrouve en haut de l'armoire, au-dessus de leurs têtes, en quelques secondes. Quoi qu'il arrive, une morsure de mamba noir est très grave, mais s'il mord à la tête ou dans le cou, Simon pourrait mourir en vingt minutes. 
</t>
  </si>
  <si>
    <t>P0781062</t>
  </si>
  <si>
    <t>Top 10 des animaux : Les cochons et les chiens</t>
  </si>
  <si>
    <t>Pigs and Dogs</t>
  </si>
  <si>
    <t>Les cochons sont capables de détecter des odeurs enterrées à deux étages de profondeur, tandis que le nez du chien peut vous amener devant les tribunaux.</t>
  </si>
  <si>
    <t>10/02/2021</t>
  </si>
  <si>
    <t>P0779832</t>
  </si>
  <si>
    <t>Homme VS Animal : Invasion de méduses</t>
  </si>
  <si>
    <t>Jellyfish Invasion</t>
  </si>
  <si>
    <t>Invasion de méduses : face à la nuée de créatures anciennes venimeuses qui envahit actuellement nos océans, les scientifiques se lancent dans une course contre la montre pour découvrir leurs secrets.</t>
  </si>
  <si>
    <t>N0024703</t>
  </si>
  <si>
    <t>L'incroyable Dr Pol : Une journée bien remplie</t>
  </si>
  <si>
    <t>Bugged Bunny</t>
  </si>
  <si>
    <t>Les vétérinaires de la clinique du Dr Pol sont débordés et ils ont hâte que le nouveau vétérinaire commence. Lorsque le Dr Emily accepte le poste, on lui réserve un véritable accueil typique du Michigan avec une première journée passée dans les fermes aux côtés du Dr Pol. Même si le Dr Emily prend en charge une partie du travail, l'emploi du temps du Dr Pol ne s'allège pas pour autant. Il jongle entre un cheval qui a des coliques, un lapin qui ne peut pas sauter et un chien nommé Stitches qui souffre probablement d'un traumatisme crânien.</t>
  </si>
  <si>
    <t>P0850721</t>
  </si>
  <si>
    <t>L'incroyable Dr Pol : À l’assaut des éléments</t>
  </si>
  <si>
    <t>The Incredible Dr. Pol Compilations</t>
  </si>
  <si>
    <t>Rain Or Swine</t>
  </si>
  <si>
    <t>Soigner les animaux du Michigan n’est pas toujours une partie de plaisir. Lorsque nos compagnons à quatre pattes sont en détresse, les vétérinaires de la clinique doivent bien souvent braver les éléments. Les pluies torrentielles, les canicules insoutenables, les violentes tornades et les températures glaciales sont autant de phénomènes que le Dr Pol et son équipe doivent affronter pour mener à bien leur mission. Dans cet épisode, ils défient Dame Nature afin de sauver les animaux.</t>
  </si>
  <si>
    <t>P0850722</t>
  </si>
  <si>
    <t>L'incroyable Dr Pol : Que des bêtises</t>
  </si>
  <si>
    <t>Hissbehavin'</t>
  </si>
  <si>
    <t>S’il y a bien un domaine dans lequel les animaux excellent, c’est la pagaille ! La curiosité a beau ne pas tuer, elle met sans nul doute les animaux dans des situations délicates. Des chiens de chasse farceurs aux félins pêcheurs, les vétérinaires de la clinique maîtrisent la situation. Dans cet épisode, nous passerons en revue les patients les plus filous auxquels a eu affaire l’équipe du Dr Pol.</t>
  </si>
  <si>
    <t>P0850724</t>
  </si>
  <si>
    <t>L'incroyable Dr Pol : Des mamans courageuses</t>
  </si>
  <si>
    <t>M'udder May I</t>
  </si>
  <si>
    <t>Pour les mamans animaux et les vétérinaires de la clinique du Dr Pol, la maternité est un boulot à plein temps. Entre les contractions de la gestation, le travail et la mise bas, Dame Nature n’est parfois pas contre l’aide du Dr Pol et de son équipe. Dans cet épisode, c’est au tour des mamans de défiler à la clinique.</t>
  </si>
  <si>
    <t>Michelle ou la vie sauvage : La loi des grands-ducs</t>
  </si>
  <si>
    <t>Law of The Claw</t>
  </si>
  <si>
    <t xml:space="preserve">À la clinique, Michelle Oakley et ses filles accourent à la rescousse d’un husky sibérien ayant avalé un flacon de pilules. Elles viennent ensuite en aide au Dr Aimie Doyle pour opérer la patte d’un cheval, une intervention délicate susceptible d’engager son pronostic vital. Les Oakley se rendent à l’Alaska Wildlife Conservation Center pour s’occuper des serres tranchantes d’un grand-duc d’Amérique peu commode. Pour finir, le Dr Oakley et le Dr Doyle soignent une vilaine bosse sur le museau d’un cheval à l’aide d’un traitement innovant.  </t>
  </si>
  <si>
    <t>P0870247</t>
  </si>
  <si>
    <t>Dog Impossible : Au bord de la catastrophe</t>
  </si>
  <si>
    <t>Brink of Disaster</t>
  </si>
  <si>
    <t>Matt tente de rééduquer un chien secouriste qui menace le mariage de ses maîtres et rétablit la confiance envers un terrier de Boston violent.</t>
  </si>
  <si>
    <t>P0810286</t>
  </si>
  <si>
    <t>Alaska, survie avec les ours : L'abattoir des saumons</t>
  </si>
  <si>
    <t>Alaska's Grizzly Gauntlet</t>
  </si>
  <si>
    <t>Salmon Slaughterhouse</t>
  </si>
  <si>
    <t>Le survivaliste Les Stroud part à la découverte des contrées sauvages de l’Alaska afin d’étudier les techniques de survie des ours bruns. Ces ours doués d’une grande intelligence se montrent fuyants à l’approche de l’hiver, pendant la saison du frai des saumons. Lorsque Les découvre le terrain de chasse des ours, un véritable « abattoir de saumons », il rencontre ces animaux majestueux au plus près.</t>
  </si>
  <si>
    <t>P0811786</t>
  </si>
  <si>
    <t>Alaska, survie avec les ours : L'embuscade des élans</t>
  </si>
  <si>
    <t>Moose Ambush</t>
  </si>
  <si>
    <t>Le survivaliste Les Stroud part à la découverte des terres de l’Alaska afin d’étudier les techniques de survie des élans à l’approche de la saison des amours. Il s’agit du mammifère terrestre le plus meurtrier d’Amérique et Les doit interrompre son travail s’il souhaite les étudier en toute sécurité.</t>
  </si>
  <si>
    <t>P0811788</t>
  </si>
  <si>
    <t>Alaska, survie avec les ours : Les soldats de l'Arctique</t>
  </si>
  <si>
    <t>Arctic Soldiers</t>
  </si>
  <si>
    <t>Le survivaliste Les Stroud part à la poursuite des troupeaux des grands caribous de l’Alaska qui prennent la direction du sud à l’approche de l’hiver, plus longue migration terrestre chez les espèces sauvages. En quête de nourriture, des centaines de milliers de caribous traversent les vastes plaines de la toundra glaciale. Se déplaçant à une vitesse allant jusqu’à 80 km/h, Les ne parvient pas à suivre ces créatures parfaitement adaptées au climat extrême. Chez les caribous, l’union fait la force et de multiples stratégies leur permettent de prendre de l’avance. Les devra se montrer plus rusé qu’eux s’il souhaite pouvoir s’en approcher afin de découvrir leurs techniques de survie.</t>
  </si>
  <si>
    <t>P0811789</t>
  </si>
  <si>
    <t>Alaska, survie avec les ours : Le siège des ours polaires</t>
  </si>
  <si>
    <t>Ice Bear Siege</t>
  </si>
  <si>
    <t>Le survivaliste Les Stroud se rend dans la ville de Kaktovik, sur l’île Barter, située sur la côte arctique de l’Alaska. La communauté des Inupiats et les ours polaires y ont cohabité pendant de nombreuses années. À l’aune du réchauffement climatique, les ours passent davantage de temps sur l’île, où ils attendent l’arrivée de la glace. Cet environnement en plein bouleversement ne leur laisse d’autre choix que de s’adapter pour survivre : Les cherche à découvrir leurs techniques de survie et ce que l’avenir réserve à ces formidables prédateurs.</t>
  </si>
  <si>
    <t>N0013473</t>
  </si>
  <si>
    <t>Prédateurs fous : Le léopard</t>
  </si>
  <si>
    <t>Killer Leopards</t>
  </si>
  <si>
    <t>A Bombay, une soixantaine d'hommes et de femmes ont été pris pour cible par un redoutable prédateur, le léopard. Une situation qui éveille des conflits entre population et gouvernement, du fait de l'interdiction de tuer cette espèce. Voici une nouvelle énigme à la portée de Gordon Buchanan. Après avoir recueilli les témoignages de nombreuses victimes, ce dernier décide d'élucider les mystères d'un tel comportement pour un prédateur habituellement craintif de l'Homme. En se rendant à Bombay, accompagné d'un expert local, Krisna Tiwari, Gordon comprend très vite que l'une des causes principales est la proximité entre l'habitat du chasseur et la ville. Une ville de plus en plus grande, qui empiète continuellement sur la jungle indienne, et qui procure au léopard un large choix de proies potentielles. Mais pour quelles raisons cet habile chasseur s'en prend-il à l'Homme ? Suivez Gordon Buchanan afin de comprendre ces mystérieuses attaques.</t>
  </si>
  <si>
    <t>P0756750</t>
  </si>
  <si>
    <t>Snakes In The City : Le sifflement de la mort</t>
  </si>
  <si>
    <t>Hiss of Death</t>
  </si>
  <si>
    <t xml:space="preserve">Se retrouver face à face avec les serpents les plus dangereux au monde est monnaie courante pour le chasseur de serpents Simon Keys et sa petite-amie herpétologiste, Siouxsie Gillett. La chasse est ouverte dans la ville des serpents : un cobra envoie son venin sur sa proie, un mamba difficile à attraper se cache à portée de tir et un nid de rats cause de l'agitation. 
</t>
  </si>
  <si>
    <t>P0781347</t>
  </si>
  <si>
    <t>Top 10 des animaux : Les lions et les crevettes</t>
  </si>
  <si>
    <t>Lions and Shrimp</t>
  </si>
  <si>
    <t>La crevette-mante peut frapper aussi fort qu’une balle de fusil, quand le lion sait se faire entendre de ses congénères à 50 km de distance.</t>
  </si>
  <si>
    <t>11/02/2021</t>
  </si>
  <si>
    <t>P0779833</t>
  </si>
  <si>
    <t>Homme VS Animal : Le roi des ours</t>
  </si>
  <si>
    <t>Ultimate Bear</t>
  </si>
  <si>
    <t>Le roi des ours : l’ours est devenu si puissant et astucieux qu’il est même capable de rentrer dans nos maisons. Comment ?</t>
  </si>
  <si>
    <t>N0024704</t>
  </si>
  <si>
    <t>L'incroyable Dr Pol : La tirelire canine</t>
  </si>
  <si>
    <t>Money Barks</t>
  </si>
  <si>
    <t>Les animaux du comté d'Isabella commencent à s'agiter après un long hiver et les problèmes se multiplient. Le Dr Pol doit tout d'abord sauver un veau qui n'est pas encore né car sa mère a avalé un morceau de métal comme encas. Il vient ensuite en aide à Ellie May, un chien transformé en véritable tirelire sur pattes. De son côté, Charles accepte une mission dans une ferme pour prouver à son père et aux habitants de Clay Knob qu'il est capable de se débrouiller par lui-même. Mais les cochons et les vaches ont décidé de ne pas lui faciliter la tâche.</t>
  </si>
  <si>
    <t>N0014134</t>
  </si>
  <si>
    <t>Les cowboys des marais : A la guerre comme à la guerre !</t>
  </si>
  <si>
    <t>Swamp Shootout</t>
  </si>
  <si>
    <t xml:space="preserve">Les Séminoles sont des amérindiens originaires de Floride. Ils ont repris la direction du Billie Swamp Safari depuis peu, notamment avec la nomination de Brian Zepeda à la direction du parc. Pour eux, c'est l'occasion de partager leur culture ancestrale et d'enseigner le respect des animaux et de la nature qui perdure dans leurs traditions depuis des générations. Dans cet épisode, il s'agira d'organiser le plus grand évènement culturel amérindien de la région : la reconstitution d'une bataille des guerres séminoles. Tout le personnel du parc devra veiller à la sécurité du public et au bien-être des animaux. Everett, un jeune séminole, rejoint également l'équipe du parc pour s'occuper des alligators. La première leçon consistera à en attraper un afin de devenir un véritable cowboy des marais. </t>
  </si>
  <si>
    <t>N0014407</t>
  </si>
  <si>
    <t>Les cowboys des marais : Bad boy</t>
  </si>
  <si>
    <t>One Bad Gator</t>
  </si>
  <si>
    <t>Billie Swamp Safari reçoit un appel d'urgence d'un parc animalier des alentours à la recherche d'un nouvel habitat pour un alligator agressif, "Bad". Bad a menacé la directrice du parc, et celle-ci est bien décidée à s'en débarrasser avant que la bête ne blesse quelqu'un. Mais l'enclos prévu pour Bad à Billie Swamp Safari est déjà occupé par trois alligators belliqueux. Ils devront être déplacés. Le déménagement ne se fera pas sans encombre. Les alligators peuvent faire des pointes à 50km/h et leur mâchoire a une force de pression allant jusqu'à 900 kg. Nos cowboys des marais connaissent les dangers du métier, et leurs cicatrices en témoignent, mais aujourd'hui ils doivent aussi protéger des employés moins expérimentés.</t>
  </si>
  <si>
    <t>N0014357</t>
  </si>
  <si>
    <t>Les cowboys des marais : A sec !</t>
  </si>
  <si>
    <t>Most Wanted</t>
  </si>
  <si>
    <t xml:space="preserve">Trump, l'alligator le plus connu de Billie Swamp Safari se fait vieux. Afin de pouvoir le surveiller plus attentivement le directeur du parc décide de le relocaliser. Mais le déménagement ne se fera pas dans les meilleures conditions. En effet, transporter un alligator de plus de 360 kg n'est pas chose facile, surtout quand on lui découvre un abcès qui nécessite une opération. Les déménageurs seront aussi confrontés à l'agressivité de Bad, l'alligator dont la réputation n'a d'égal que son égo et sa mâchoire acérée.  De l'autre côté du parc, Steve doit remédier à la sécheresse ambiante et se lance dans l'irrigation d'une zone du parc appelé " Alcatraz ". Le manque d'eau a été particulièrement sévère cette saison et menace sérieusement cette zone qui abrite les plus grands alligators du parc, mais aussi les plus dangereux...   </t>
  </si>
  <si>
    <t>N0013475</t>
  </si>
  <si>
    <t>Prédateurs fous : Le tigre</t>
  </si>
  <si>
    <t>Tiger at Large</t>
  </si>
  <si>
    <t>Retrouvez Gordon Buchanan au Népal à la recherche du tigre du Bengale mangeur d'Hommes. Depuis une trentaine d'année, près de 100 personnes ont été tuées par des félins dans la région du Parc National de Chitwan. Depuis peu, un tigre en particulier suscite la panique dans les villages à proximité du parc. Surnommé " The Claw ", ce qui signifie griffe en français, ce redoutable prédateur s'est rendu coupable d'une dizaine de pertes humaines. Mais pour quelles raisons le tigre attaquerait-il l'Homme ? Entre mythe, tradition et peur, Gordon va parcourir le Parc National de Chitwan, récoltant des témoignages et des séquences magnifiques sur ce félin rare et insaisissable, afin de déterminer les causes de cet étrange comportement. Manque de proie, territoire limité, haine de l'Homme, toutes les hypothèses sont possibles. Ou même simplement une question d'éducation? Si c'était le cas, ce phénomène ne ferait que commencer...</t>
  </si>
  <si>
    <t>N0013500</t>
  </si>
  <si>
    <t>Prédateurs fous : Le loup</t>
  </si>
  <si>
    <t>Wolfhunt</t>
  </si>
  <si>
    <t xml:space="preserve">Les attaques de loups sur l'homme sont extrêmement rares. Dans toute l'histoire de l'Amérique du Nord, seules deux attaques mortelles de loup sur l'Homme ont été répertoriées. Pour Gordon Buchanan, qui a plusieurs années d'expérience au contact de ces grands prédateurs, ceux-ci n'ont jamais représenté un danger préoccupant pour l'Homme. Pourtant, lorsqu'il se rend dans la zone reculée de Chignik, en Alaska, où la seconde des attaques mortelles s'est produite, il se demande s'il n'a pas sous-estimé les risques. Existe-t-il des loups mangeurs d'hommes? Qu'est-ce qui pousse des loups en général timides et méfiants à s'approcher si près des établissements humains? Gordon espère par ses investigations comprendre ce qui a conduit à la mort de Candice Berner, la seconde victime, et comprendre pourquoi certains loups sont devenus tellement agressifs que l'Etat estime qu'ils doivent être extraits de leur habitat naturel. </t>
  </si>
  <si>
    <t>P0870245</t>
  </si>
  <si>
    <t>Dog Impossible : Peur paralysante</t>
  </si>
  <si>
    <t>Breaking Fear</t>
  </si>
  <si>
    <t>Matt aide une veuve endeuillée à dresser son chien de garde peu docile, puis un pataud agressif afin qu’il cohabite avec ses congénères.</t>
  </si>
  <si>
    <t>L'incroyable Dr Pol : Su-pol-sticieux</t>
  </si>
  <si>
    <t>Supe-Pol-Sticious</t>
  </si>
  <si>
    <t>Ce vendredi 13, nos vétérinaires sont prêts à accueillir et à soigner les cas bizarroïdes et surnaturels qui débarquent à la clinique.</t>
  </si>
  <si>
    <t>L'incroyable Dr Pol : Un bonbon ou un sort !</t>
  </si>
  <si>
    <t>Hocus Pol-Cus</t>
  </si>
  <si>
    <t>Alors que l’automne est arrivé dans le Michigan, la famille Pol attend Halloween avec impatience. Le bocal de bonbons est prêt, les feuilles virevoltent et les patients ont revêtu leurs plus beaux costumes.</t>
  </si>
  <si>
    <t>P0873167</t>
  </si>
  <si>
    <t>L'incroyable Dr Pol : Athena et Atlas</t>
  </si>
  <si>
    <t>Daned If I Do, Daned If I Don't</t>
  </si>
  <si>
    <t>Cette semaine, tout n’est pas rose à la clinique. Nos vétérinaires préférés se précipitent d’un bout à l’autre du centre du Michigan à la rescousse de leurs patients, allant d’une vache acariâtre à un reptile exotique. Alors que Dr Pol et Charles accourent pour sauver Sam, un percheron de deux ans, Dr Brenda dorlote Sebastian, un très jeune mouton atteint de dermatophytose. Plus près de chez eux, Athena et Atlas, les deux dogues allemands de Charles, doivent être examinés. Heureusement, leur maître peut compter sur l’équipe de la clinique à proximité.</t>
  </si>
  <si>
    <t>P0873168</t>
  </si>
  <si>
    <t>L'incroyable Dr Pol : Un émeu fugueur</t>
  </si>
  <si>
    <t>Here, There, Emu-Where</t>
  </si>
  <si>
    <t>10 vaches agressives potentiellement gravides donnent le coup d’envoi de cette semaine. L’un des frisons du Dr Pol peine à marcher. Après avoir brièvement égaré le cheval, Dr Pol et Charles unissent leurs forces pour trouver les causes de sa mystérieuse blessure. S’ensuit alors une course-poursuite effrénée lorsque l’un des émeus du vétérinaire s’échappe de son enclos. Mais les aventures hebdomadaires ne s’arrêtent pas là ! Entre les petits chiens, les chevreaux et les chatons au poil soyeux, l’équipe en voit de toutes les couleurs.</t>
  </si>
  <si>
    <t>N0014504</t>
  </si>
  <si>
    <t>Les cowboys des marais : Les pieds dans l'eau</t>
  </si>
  <si>
    <t>Predator Patrol</t>
  </si>
  <si>
    <t xml:space="preserve">Suite à de fortes pluies, le niveau d'eau des marais a beaucoup augmenté, laissant un espace de jeu bien plus qu'intéressant pour les alligators. En effet, même les plus imposants peuvent se cacher dans un mètre d'eau et y rester assez longtemps pour ne pas être repéré par l'oeil avisé de nos cowboys des marais. Cet épisode sera donc un véritable jeu de cache-cache, surtout quand nos experts doivent déloger les alligators qui s'approchent trop près des bungalows des visiteurs. Les touristes nourrissent fréquemment les reptiles qui perdent leur peur des hommes. Les alligators ne voient plus de menace de la part des humains, mais un repas gratuit... ce qui peut amener à des situations très dangereuses. Mais les alligators ne se laissent pas faire, et nos cowboys des marais devront se mouiller pour protéger les visiteurs de Billie Swamp Safari !  </t>
  </si>
  <si>
    <t>N0012165</t>
  </si>
  <si>
    <t>Les cowboys des marais : Les prédateurs rôdent</t>
  </si>
  <si>
    <t>Predators On The Prowl</t>
  </si>
  <si>
    <t>P0781348</t>
  </si>
  <si>
    <t>Top 10 des animaux : Les loups et les corbeaux</t>
  </si>
  <si>
    <t>Wolves And Crows</t>
  </si>
  <si>
    <t>Les corbeaux sont aussi intelligents que les dauphins et savent parler comme les perroquets. Les loups, quant à eux, peuvent passer trois jours à chasser et arpenter un territoire de 5 000 km².</t>
  </si>
  <si>
    <t>12/02/2021</t>
  </si>
  <si>
    <t>P0779834</t>
  </si>
  <si>
    <t>Homme VS Animal : L'attaque des abeilles tueuses</t>
  </si>
  <si>
    <t>Attack of the Killer Bees</t>
  </si>
  <si>
    <t>L’attaque des abeilles tueuses : une espèce envahit les États-Unis suite à une expérience scientifique qui a très mal tourné.</t>
  </si>
  <si>
    <t>N0024814</t>
  </si>
  <si>
    <t>L'incroyable Dr Pol : Le temps du printemps</t>
  </si>
  <si>
    <t>Slop, Drop And Pol</t>
  </si>
  <si>
    <t>Après un long hiver, les animaux sont nerveux et le printemps apporte avec lui son lot de nouvelles difficultés pour la clinique du Dr Pol. Reggie le pitbull présente une méchante entaille tandis que Roxy et Lily, un duo de chiots curieux a appris la leçon, ils ne provoqueront plus jamais un porc-épic. Ajoutez à cela un petit cheval fougueux, un cochon domestique malchanceux et un vêlage par le siège et le Dr Pol ne sait rapidement plus où donner de la tête. Pendant ce temps, Charles a eu les yeux plus gros que le ventre en décidant de participer au concours du plus gros mangeur de pancakes à l'occasion de la fête annuelle du sirop d'érable de Shepherd.</t>
  </si>
  <si>
    <t>P0853050</t>
  </si>
  <si>
    <t>Planète Hostile : Les pôles</t>
  </si>
  <si>
    <t>Hostile Planet</t>
  </si>
  <si>
    <t>Polar</t>
  </si>
  <si>
    <t xml:space="preserve">Partez à la découverte des pôles, l’habitat le plus glacial de la planète. Les ours polaires y chassent les baleines, les manchots tentent d’échapper aux léopards de mer et une meute de loups arctiques s’abat sur des bœufs musqués. Grâce à leur corps ainsi qu’à leur comportement extrêmement évolués, les espèces polaires parviennent à survivre à l’hostilité de leur habitat. En proie à la frénésie du changement climatique, leur environnement est en train de se désagréger sous leurs pattes, mettant leur résilience à l’épreuve comme jamais auparavant.
</t>
  </si>
  <si>
    <t>P0853051</t>
  </si>
  <si>
    <t>Planète Hostile : Les déserts</t>
  </si>
  <si>
    <t>Deserts</t>
  </si>
  <si>
    <t xml:space="preserve">Alors que les déserts de la planète se réchauffent, s’assèchent et gagnent du terrain, plusieurs animaux extraordinaires survivent encore aux conditions les plus extrêmes. Parmi eux, des hyènes rusées, des suricates hauts comme trois pommes et des araignées des sables. Suivez leur quotidien dans le désert et découvrez la bataille acharnée qu’ils mènent face à un soleil qui se fait de plus en plus intense à chaque minute qui passe.
</t>
  </si>
  <si>
    <t>15:20:00:00</t>
  </si>
  <si>
    <t>P0847204</t>
  </si>
  <si>
    <t>Mission spéciale : L'île de la résurrection</t>
  </si>
  <si>
    <t>Wild Life: Resurrection Island</t>
  </si>
  <si>
    <t>Bertie Gregory, reporter animalier National Geographic, emmène les spectateurs dans une grande odyssée sur l’île légendaire de Géorgie du Sud. Voguant à bord d’un voilier de 15 mètres sur l’océan aux eaux les plus tumultueuses de la planète, l’équipage met le cap sur l’île subantarctique et ses montagnes givrées qui surplombent la mer. Cette île aux paysages stupéfiants possède également une biodiversité parmi les plus riches de la planète. Notre reporter s’approche au plus près des quatre animaux les plus féroces de la région, nous révélant ainsi les défis auxquels ils sont confrontés. Audace, esprit d’équipe et résilience sont indispensables pour survivre dans cet environnement hostile. Mais ces terres ne sont pas uniquement le symbole de l’histoire naturelle : de la découverte de l’île par le capitaine Cook aux établissements de pêche à la baleine aujourd’hui laissés à l’abandon, cette île incarne le meilleur comme le pire de la nature humaine.</t>
  </si>
  <si>
    <t>P0879684</t>
  </si>
  <si>
    <t>Mission spéciale : Les animaux du grand froid</t>
  </si>
  <si>
    <t>Wild_life: The Big Freeze</t>
  </si>
  <si>
    <t>Le reporter animalier Bertie Gregory se rend aux confins de l’Arctique canadien, à la rencontre d’un groupe d’animaux résilients ayant réussi à tirer profit de cet environnement extrême. Tandis que le retour du gel se fait attendre, notre aventurier assiste à des scènes extraordinaires, notamment à un rendez-vous inédit entre des ours polaires et des loups. Afin de s’approcher des espèces sauvages du territoire, il brave les températures glaciales et en sera récompensé, puisqu’il pourra observer au plus près la première baignade d’un bébé phoque du Groenland.</t>
  </si>
  <si>
    <t>P0879644</t>
  </si>
  <si>
    <t>Planète hostile : Les maîtres du froid</t>
  </si>
  <si>
    <t>Hostile Planet: Masters of The Freeze</t>
  </si>
  <si>
    <t>Hostile Planet: Masters of The Freeze, 1</t>
  </si>
  <si>
    <t>Même sous les climats les plus cléments, la survie peut s’apparenter à une lutte permanente. Cependant, les animaux qui ont élu domicile dans les régions les plus froides de la planète ont développé une morphologie et des comportements qui leur permettent de l’emporter face aux dangers et autres prédateurs. S’ils vivent et meurent dans la violence, seuls les maîtres de la glace finissent vainqueurs.</t>
  </si>
  <si>
    <t>P0924761</t>
  </si>
  <si>
    <t>Florida Animal Police : Terreur canine</t>
  </si>
  <si>
    <t>Animal Pd</t>
  </si>
  <si>
    <t>Unchained &amp; Dangerous</t>
  </si>
  <si>
    <t>Breezy et Laurie reçoivent un appel suspect signalant la présence de deux chiens agressifs qui sèment la terreur dans un quartier. En parallèle, l’équipe du refuge animalier Alaqua vient au secours de chiens et de chats dans un état critique, laissés à l’abandon dans le mobile home d’un homme décédé.</t>
  </si>
  <si>
    <t>P0758362</t>
  </si>
  <si>
    <t>Cesar et son fils : La Cité des Anges</t>
  </si>
  <si>
    <t>Cesar Millan's Dog Nation</t>
  </si>
  <si>
    <t>City of Angels</t>
  </si>
  <si>
    <t xml:space="preserve">Cette semaine, Cesar et Andre s'arrêtent à Los Angeles, où ils donnent des conseils à quelques pas de l'eau à Long Beach, afin d'aider des propriétaires de chiens obsédés par des balles ou au comportement agressif, ainsi qu'un mastiff qui s'attaque aux aspirateurs. Cesar vient au secours des maîtres de Fergus, un golden retriever qui a survécu à une grave brûlure du dos, et qui espèrent qu'il pourra devenir un chien thérapeutique pour d'autres survivants. Mais Fergus a un problème d'agressivité face à sa laisse, qui doit être résolu s'il veut être certifié. Cesar montre à ses maîtres comment le tenir, aussi bien dans le quartier que dans des endroits qui mettent ses sens en éveil. Fergus est en passe de réaliser son rêve de devenir un chien thérapeutique certifié... Cesar et Andre se rendent également à The Help Group, une association qui utilise les chiens pour aider les enfants qui souffrent de problèmes émotionnels. Les chiens paraissent aider leurs facultés verbales, mentales et motrices, puisqu'ils aident des enfants à réaliser un parcours d'obstacles. Moment d'émotion pour Andre : certains membres de sa famille ont eux aussi des problèmes émotionnels, et voir un tel groupe d'enfants restaure sa foi à propos de la « Dog Nation ». 
</t>
  </si>
  <si>
    <t>P0759497</t>
  </si>
  <si>
    <t>Cesar et son fils : Sur le fil du rasoir</t>
  </si>
  <si>
    <t>Borderline K9s</t>
  </si>
  <si>
    <t xml:space="preserve">En Californie, San Diego accueille Cesar lors d'un événement live. Il aide ainsi un propriétaire de dogue allemand de 70 kilos à le contrôler, apprend à celui d'un pitbull obsédé par les balles à devenir plus sévère, et dresse un bichon frisé qui a pour habitude de mordre tout le monde. Cesar travaille également avec Chantel et Charlie, un couple de militaires dont le berger allemand menace de blesser Chantel, qui est enceinte, et leur bébé qui ne va pas tarder à naître. Cesar leur montre comment contrôler leur chien avant son arrivée... Cesar et Andre se rendent ensuite à Tijuana pour aider à résoudre le problème des chiens errants, et aident un spécimen en très mauvaise santé à retrouver la forme. Pendant ce temps, ils font découvrir une nouvelle vie à un autre chien sauvé à Tijuana en l'emmenant à San Diego. Enfin, Cesar emmène Andre dans un souterrain situé sous l'autoroute : c'est là qu'il a passé ses premiers jours à son arrivée aux Etats-Unis. 
</t>
  </si>
  <si>
    <t>P0760484</t>
  </si>
  <si>
    <t>Cesar et son fils : Un nouveau jeu de balle</t>
  </si>
  <si>
    <t>A Whole New Ball Game</t>
  </si>
  <si>
    <t xml:space="preserve">Cesar et Andre arrivent à San Francisco, en Californie : leur événement live a lieu dans la Pet Express Adoption Fair, où des centaines de fans ont emmené leurs chiens pour obtenir des conseils de Cesar. Au programme : comment contrôler un voleur de nourriture, un monopoliseur d'attention, des chiens obsédés par les balles et un monstre qui tire sur la laisse. Cesar aide également un couple qui a secouru son chien d'un marché de viande asiatique, et qui présente un comportement agressif. Un sauveteur de chiens chevronné fait le tour des refuges pour sauver des chiens de l'euthanasie. Cesar aide à dresser Cassie, un pitbull qui risque la mort, afin qu'elle puisse être adoptée lors de la foire – et elle y parvient ! Enfin, Andre visite la prison de San Quentin pour découvrir un programme incroyable qui permet à des prisonniers et à des chiens issus de refuges de tisser des liens. 
</t>
  </si>
  <si>
    <t>P0788916</t>
  </si>
  <si>
    <t>Urgences Animales : A l'aveugle</t>
  </si>
  <si>
    <t>Blindsided</t>
  </si>
  <si>
    <t>Cette semaine, les meilleurs vétérinaires du Texas soignent un labrador aveugle, un dogue allemand qui a une inflammation de la colonne vertébrale, un léopard d’Asie qui a la peau irritée autour des yeux et des oreilles, un jeune bouledogue qui souffre de la vessie et un chihuahua adopté qui est paralysé suite à une fracture du dos.</t>
  </si>
  <si>
    <t>N0014502</t>
  </si>
  <si>
    <t>Les cowboys des marais : A l'attaque !</t>
  </si>
  <si>
    <t>Alligator Attack</t>
  </si>
  <si>
    <t xml:space="preserve">Les cowboys des marais connaissent bien les dangers du métier. Lorsque Meghan, nouvelle recrue à Billie Swamp Safari, se fait mordre par un alligator d'un mètre, tout le monde gère la situation calmement. Après son retour des urgences elle sera encore plus déterminée à prouver qu'elle est prête à accomplir toutes les tâches qu'on lui confiera. Au même moment, Cory Wilcox et son équipe tentent de piéger des cochons sauvages afin de contrôler la population du parc. De l'autre côté du domaine, malgré la blessure de Meghan, Everett ne se laisse pas démonter et fera tout pour prouver qu'il est prêt à devenir un véritable cowboy des marais.  </t>
  </si>
  <si>
    <t>P0781349</t>
  </si>
  <si>
    <t>Top 10 des animaux : Les tigres et les ours blancs</t>
  </si>
  <si>
    <t>Tigers and Polar Bears</t>
  </si>
  <si>
    <t>Les tigres sont aussi forts que 13 hommes réunis et ont des petites dents sur la langue. Les ours blancs sont capables de se faire pousser des os et pourraient soigner le diabèt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2">
    <fill>
      <patternFill patternType="none"/>
    </fill>
    <fill>
      <patternFill patternType="gray125"/>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7">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10"/>
  <sheetViews>
    <sheetView showGridLines="0" tabSelected="1" topLeftCell="A196" workbookViewId="0">
      <selection activeCell="E197" sqref="E197"/>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t="s">
        <v>15</v>
      </c>
      <c r="D3" s="2" t="s">
        <v>16</v>
      </c>
      <c r="E3" s="2" t="s">
        <v>17</v>
      </c>
      <c r="F3" s="2" t="s">
        <v>18</v>
      </c>
      <c r="G3" s="3">
        <v>4</v>
      </c>
      <c r="H3" s="2" t="s">
        <v>19</v>
      </c>
      <c r="I3" s="3">
        <v>2019</v>
      </c>
      <c r="J3" s="2" t="s">
        <v>20</v>
      </c>
      <c r="K3" s="2"/>
      <c r="L3" s="2" t="s">
        <v>21</v>
      </c>
    </row>
    <row r="4" spans="1:12" ht="15.2" customHeight="1">
      <c r="A4" s="2" t="s">
        <v>13</v>
      </c>
      <c r="B4" s="2" t="s">
        <v>22</v>
      </c>
      <c r="C4" s="2" t="s">
        <v>23</v>
      </c>
      <c r="D4" s="2" t="s">
        <v>24</v>
      </c>
      <c r="E4" s="2" t="s">
        <v>17</v>
      </c>
      <c r="F4" s="2" t="s">
        <v>25</v>
      </c>
      <c r="G4" s="3">
        <v>5</v>
      </c>
      <c r="H4" s="2" t="s">
        <v>19</v>
      </c>
      <c r="I4" s="3">
        <v>2019</v>
      </c>
      <c r="J4" s="2" t="s">
        <v>20</v>
      </c>
      <c r="K4" s="2"/>
      <c r="L4" s="2" t="s">
        <v>26</v>
      </c>
    </row>
    <row r="5" spans="1:12" ht="15.2" customHeight="1">
      <c r="A5" s="2" t="s">
        <v>13</v>
      </c>
      <c r="B5" s="2" t="s">
        <v>27</v>
      </c>
      <c r="C5" s="2"/>
      <c r="D5" s="2" t="s">
        <v>28</v>
      </c>
      <c r="E5" s="2" t="s">
        <v>29</v>
      </c>
      <c r="F5" s="2" t="s">
        <v>30</v>
      </c>
      <c r="G5" s="3">
        <v>3</v>
      </c>
      <c r="H5" s="2" t="s">
        <v>31</v>
      </c>
      <c r="I5" s="3">
        <v>2019</v>
      </c>
      <c r="J5" s="2" t="s">
        <v>32</v>
      </c>
      <c r="K5" s="2"/>
      <c r="L5" s="2" t="s">
        <v>33</v>
      </c>
    </row>
    <row r="6" spans="1:12" ht="15.2" customHeight="1">
      <c r="A6" s="2" t="s">
        <v>13</v>
      </c>
      <c r="B6" s="2" t="s">
        <v>34</v>
      </c>
      <c r="C6" s="2"/>
      <c r="D6" s="2" t="s">
        <v>35</v>
      </c>
      <c r="E6" s="2" t="s">
        <v>29</v>
      </c>
      <c r="F6" s="2" t="s">
        <v>36</v>
      </c>
      <c r="G6" s="3">
        <v>4</v>
      </c>
      <c r="H6" s="2" t="s">
        <v>31</v>
      </c>
      <c r="I6" s="3">
        <v>2019</v>
      </c>
      <c r="J6" s="2" t="s">
        <v>32</v>
      </c>
      <c r="K6" s="2"/>
      <c r="L6" s="2" t="s">
        <v>37</v>
      </c>
    </row>
    <row r="7" spans="1:12" ht="15.2" customHeight="1">
      <c r="A7" s="2" t="s">
        <v>13</v>
      </c>
      <c r="B7" s="2" t="s">
        <v>38</v>
      </c>
      <c r="C7" s="2" t="s">
        <v>39</v>
      </c>
      <c r="D7" s="2" t="s">
        <v>40</v>
      </c>
      <c r="E7" s="2" t="s">
        <v>41</v>
      </c>
      <c r="F7" s="2" t="s">
        <v>42</v>
      </c>
      <c r="G7" s="3">
        <v>2</v>
      </c>
      <c r="H7" s="2" t="s">
        <v>31</v>
      </c>
      <c r="I7" s="3">
        <v>2018</v>
      </c>
      <c r="J7" s="2" t="s">
        <v>43</v>
      </c>
      <c r="K7" s="2"/>
      <c r="L7" s="2" t="s">
        <v>44</v>
      </c>
    </row>
    <row r="8" spans="1:12" ht="15.2" customHeight="1">
      <c r="A8" s="2" t="s">
        <v>13</v>
      </c>
      <c r="B8" s="2" t="s">
        <v>45</v>
      </c>
      <c r="C8" s="2" t="s">
        <v>46</v>
      </c>
      <c r="D8" s="2" t="s">
        <v>47</v>
      </c>
      <c r="E8" s="2" t="s">
        <v>48</v>
      </c>
      <c r="F8" s="2" t="s">
        <v>49</v>
      </c>
      <c r="G8" s="3">
        <v>2</v>
      </c>
      <c r="H8" s="2" t="s">
        <v>50</v>
      </c>
      <c r="I8" s="3">
        <v>2014</v>
      </c>
      <c r="J8" s="2" t="s">
        <v>51</v>
      </c>
      <c r="K8" s="2"/>
      <c r="L8" s="2" t="s">
        <v>52</v>
      </c>
    </row>
    <row r="9" spans="1:12" ht="15.2" customHeight="1">
      <c r="A9" s="2" t="s">
        <v>13</v>
      </c>
      <c r="B9" s="2" t="s">
        <v>53</v>
      </c>
      <c r="C9" s="2" t="s">
        <v>54</v>
      </c>
      <c r="D9" s="2" t="s">
        <v>55</v>
      </c>
      <c r="E9" s="2" t="s">
        <v>56</v>
      </c>
      <c r="F9" s="2" t="s">
        <v>57</v>
      </c>
      <c r="G9" s="3">
        <v>10</v>
      </c>
      <c r="H9" s="2" t="s">
        <v>58</v>
      </c>
      <c r="I9" s="3">
        <v>2014</v>
      </c>
      <c r="J9" s="2" t="s">
        <v>20</v>
      </c>
      <c r="K9" s="2"/>
      <c r="L9" s="2" t="s">
        <v>59</v>
      </c>
    </row>
    <row r="10" spans="1:12" ht="15.2" customHeight="1">
      <c r="A10" s="2" t="s">
        <v>13</v>
      </c>
      <c r="B10" s="2" t="s">
        <v>60</v>
      </c>
      <c r="C10" s="2" t="s">
        <v>61</v>
      </c>
      <c r="D10" s="2" t="s">
        <v>62</v>
      </c>
      <c r="E10" s="2" t="s">
        <v>56</v>
      </c>
      <c r="F10" s="2" t="s">
        <v>63</v>
      </c>
      <c r="G10" s="3">
        <v>11</v>
      </c>
      <c r="H10" s="2" t="s">
        <v>58</v>
      </c>
      <c r="I10" s="3">
        <v>2014</v>
      </c>
      <c r="J10" s="2" t="s">
        <v>20</v>
      </c>
      <c r="K10" s="2"/>
      <c r="L10" s="2" t="s">
        <v>64</v>
      </c>
    </row>
    <row r="11" spans="1:12" ht="15.2" customHeight="1">
      <c r="A11" s="2" t="s">
        <v>13</v>
      </c>
      <c r="B11" s="2" t="s">
        <v>65</v>
      </c>
      <c r="C11" s="2" t="s">
        <v>66</v>
      </c>
      <c r="D11" s="2" t="s">
        <v>67</v>
      </c>
      <c r="E11" s="2" t="s">
        <v>56</v>
      </c>
      <c r="F11" s="2" t="s">
        <v>68</v>
      </c>
      <c r="G11" s="3">
        <v>12</v>
      </c>
      <c r="H11" s="2" t="s">
        <v>58</v>
      </c>
      <c r="I11" s="3">
        <v>2014</v>
      </c>
      <c r="J11" s="2" t="s">
        <v>20</v>
      </c>
      <c r="K11" s="2"/>
      <c r="L11" s="2" t="s">
        <v>69</v>
      </c>
    </row>
    <row r="12" spans="1:12" ht="15.2" customHeight="1">
      <c r="A12" s="2" t="s">
        <v>13</v>
      </c>
      <c r="B12" s="2" t="s">
        <v>70</v>
      </c>
      <c r="C12" s="2" t="s">
        <v>71</v>
      </c>
      <c r="D12" s="2" t="s">
        <v>72</v>
      </c>
      <c r="E12" s="2" t="s">
        <v>73</v>
      </c>
      <c r="F12" s="2" t="s">
        <v>74</v>
      </c>
      <c r="G12" s="3">
        <v>1</v>
      </c>
      <c r="H12" s="2" t="s">
        <v>75</v>
      </c>
      <c r="I12" s="3">
        <v>2010</v>
      </c>
      <c r="J12" s="2" t="s">
        <v>76</v>
      </c>
      <c r="K12" s="2"/>
      <c r="L12" s="2" t="s">
        <v>77</v>
      </c>
    </row>
    <row r="13" spans="1:12" ht="15.2" customHeight="1">
      <c r="A13" s="2" t="s">
        <v>13</v>
      </c>
      <c r="B13" s="2" t="s">
        <v>78</v>
      </c>
      <c r="C13" s="2" t="s">
        <v>79</v>
      </c>
      <c r="D13" s="2" t="s">
        <v>80</v>
      </c>
      <c r="E13" s="2" t="s">
        <v>73</v>
      </c>
      <c r="F13" s="2" t="s">
        <v>81</v>
      </c>
      <c r="G13" s="3">
        <v>2</v>
      </c>
      <c r="H13" s="2" t="s">
        <v>75</v>
      </c>
      <c r="I13" s="3">
        <v>2010</v>
      </c>
      <c r="J13" s="2" t="s">
        <v>76</v>
      </c>
      <c r="K13" s="2"/>
      <c r="L13" s="2" t="s">
        <v>82</v>
      </c>
    </row>
    <row r="14" spans="1:12" ht="15.2" customHeight="1">
      <c r="A14" s="2" t="s">
        <v>13</v>
      </c>
      <c r="B14" s="2" t="s">
        <v>83</v>
      </c>
      <c r="C14" s="2" t="s">
        <v>84</v>
      </c>
      <c r="D14" s="2" t="s">
        <v>85</v>
      </c>
      <c r="E14" s="2" t="s">
        <v>73</v>
      </c>
      <c r="F14" s="2" t="s">
        <v>86</v>
      </c>
      <c r="G14" s="3">
        <v>3</v>
      </c>
      <c r="H14" s="2" t="s">
        <v>19</v>
      </c>
      <c r="I14" s="3">
        <v>2010</v>
      </c>
      <c r="J14" s="2" t="s">
        <v>76</v>
      </c>
      <c r="K14" s="2"/>
      <c r="L14" s="2" t="s">
        <v>87</v>
      </c>
    </row>
    <row r="15" spans="1:12" ht="15.2" customHeight="1">
      <c r="A15" s="2" t="s">
        <v>13</v>
      </c>
      <c r="B15" s="2" t="s">
        <v>88</v>
      </c>
      <c r="C15" s="2" t="s">
        <v>89</v>
      </c>
      <c r="D15" s="2" t="s">
        <v>90</v>
      </c>
      <c r="E15" s="2" t="s">
        <v>91</v>
      </c>
      <c r="F15" s="2" t="s">
        <v>92</v>
      </c>
      <c r="G15" s="3">
        <v>1</v>
      </c>
      <c r="H15" s="2" t="s">
        <v>93</v>
      </c>
      <c r="I15" s="3">
        <v>2019</v>
      </c>
      <c r="J15" s="2" t="s">
        <v>20</v>
      </c>
      <c r="K15" s="2"/>
      <c r="L15" s="2" t="s">
        <v>94</v>
      </c>
    </row>
    <row r="16" spans="1:12" ht="15.2" customHeight="1">
      <c r="A16" s="2" t="s">
        <v>13</v>
      </c>
      <c r="B16" s="2" t="s">
        <v>95</v>
      </c>
      <c r="C16" s="2"/>
      <c r="D16" s="2" t="s">
        <v>96</v>
      </c>
      <c r="E16" s="2" t="s">
        <v>97</v>
      </c>
      <c r="F16" s="2" t="s">
        <v>98</v>
      </c>
      <c r="G16" s="3">
        <v>1</v>
      </c>
      <c r="H16" s="2" t="s">
        <v>50</v>
      </c>
      <c r="I16" s="3">
        <v>2021</v>
      </c>
      <c r="J16" s="2" t="s">
        <v>20</v>
      </c>
      <c r="K16" s="2"/>
      <c r="L16" s="2" t="s">
        <v>99</v>
      </c>
    </row>
    <row r="17" spans="1:12" ht="15.2" customHeight="1">
      <c r="A17" s="2" t="s">
        <v>13</v>
      </c>
      <c r="B17" s="2" t="s">
        <v>100</v>
      </c>
      <c r="C17" s="2" t="s">
        <v>101</v>
      </c>
      <c r="D17" s="2" t="s">
        <v>102</v>
      </c>
      <c r="E17" s="2" t="s">
        <v>103</v>
      </c>
      <c r="F17" s="2" t="s">
        <v>104</v>
      </c>
      <c r="G17" s="3">
        <v>17</v>
      </c>
      <c r="H17" s="2" t="s">
        <v>19</v>
      </c>
      <c r="I17" s="3">
        <v>2019</v>
      </c>
      <c r="J17" s="2" t="s">
        <v>20</v>
      </c>
      <c r="K17" s="2"/>
      <c r="L17" s="2" t="s">
        <v>105</v>
      </c>
    </row>
    <row r="18" spans="1:12" ht="15.2" customHeight="1">
      <c r="A18" s="2" t="s">
        <v>13</v>
      </c>
      <c r="B18" s="2" t="s">
        <v>106</v>
      </c>
      <c r="C18" s="2" t="s">
        <v>107</v>
      </c>
      <c r="D18" s="2" t="s">
        <v>108</v>
      </c>
      <c r="E18" s="2" t="s">
        <v>103</v>
      </c>
      <c r="F18" s="2" t="s">
        <v>109</v>
      </c>
      <c r="G18" s="3">
        <v>18</v>
      </c>
      <c r="H18" s="2" t="s">
        <v>19</v>
      </c>
      <c r="I18" s="3">
        <v>2019</v>
      </c>
      <c r="J18" s="2" t="s">
        <v>20</v>
      </c>
      <c r="K18" s="2"/>
      <c r="L18" s="2" t="s">
        <v>110</v>
      </c>
    </row>
    <row r="19" spans="1:12" ht="15.2" customHeight="1">
      <c r="A19" s="2" t="s">
        <v>13</v>
      </c>
      <c r="B19" s="2" t="s">
        <v>111</v>
      </c>
      <c r="C19" s="2" t="s">
        <v>112</v>
      </c>
      <c r="D19" s="2" t="s">
        <v>113</v>
      </c>
      <c r="E19" s="2" t="s">
        <v>17</v>
      </c>
      <c r="F19" s="2" t="s">
        <v>114</v>
      </c>
      <c r="G19" s="3">
        <v>6</v>
      </c>
      <c r="H19" s="2" t="s">
        <v>19</v>
      </c>
      <c r="I19" s="3">
        <v>2019</v>
      </c>
      <c r="J19" s="2" t="s">
        <v>20</v>
      </c>
      <c r="K19" s="2"/>
      <c r="L19" s="2" t="s">
        <v>115</v>
      </c>
    </row>
    <row r="20" spans="1:12" ht="15.2" customHeight="1">
      <c r="A20" s="2" t="s">
        <v>13</v>
      </c>
      <c r="B20" s="2" t="s">
        <v>116</v>
      </c>
      <c r="C20" s="2" t="s">
        <v>117</v>
      </c>
      <c r="D20" s="2" t="s">
        <v>118</v>
      </c>
      <c r="E20" s="2" t="s">
        <v>17</v>
      </c>
      <c r="F20" s="2" t="s">
        <v>119</v>
      </c>
      <c r="G20" s="3">
        <v>7</v>
      </c>
      <c r="H20" s="2" t="s">
        <v>19</v>
      </c>
      <c r="I20" s="3">
        <v>2019</v>
      </c>
      <c r="J20" s="2" t="s">
        <v>20</v>
      </c>
      <c r="K20" s="2"/>
      <c r="L20" s="2" t="s">
        <v>120</v>
      </c>
    </row>
    <row r="21" spans="1:12" ht="15.2" customHeight="1">
      <c r="A21" s="2" t="s">
        <v>13</v>
      </c>
      <c r="B21" s="2" t="s">
        <v>121</v>
      </c>
      <c r="C21" s="2" t="s">
        <v>122</v>
      </c>
      <c r="D21" s="2" t="s">
        <v>123</v>
      </c>
      <c r="E21" s="2" t="s">
        <v>124</v>
      </c>
      <c r="F21" s="2" t="s">
        <v>125</v>
      </c>
      <c r="G21" s="3">
        <v>2</v>
      </c>
      <c r="H21" s="2" t="s">
        <v>31</v>
      </c>
      <c r="I21" s="3">
        <v>2016</v>
      </c>
      <c r="J21" s="2" t="s">
        <v>20</v>
      </c>
      <c r="K21" s="2"/>
      <c r="L21" s="2" t="s">
        <v>126</v>
      </c>
    </row>
    <row r="22" spans="1:12" ht="15.2" customHeight="1">
      <c r="A22" s="2" t="s">
        <v>13</v>
      </c>
      <c r="B22" s="2" t="s">
        <v>127</v>
      </c>
      <c r="C22" s="2" t="s">
        <v>128</v>
      </c>
      <c r="D22" s="2" t="s">
        <v>129</v>
      </c>
      <c r="E22" s="2" t="s">
        <v>124</v>
      </c>
      <c r="F22" s="2" t="s">
        <v>130</v>
      </c>
      <c r="G22" s="3">
        <v>3</v>
      </c>
      <c r="H22" s="2" t="s">
        <v>31</v>
      </c>
      <c r="I22" s="3">
        <v>2016</v>
      </c>
      <c r="J22" s="2" t="s">
        <v>20</v>
      </c>
      <c r="K22" s="2"/>
      <c r="L22" s="2" t="s">
        <v>131</v>
      </c>
    </row>
    <row r="23" spans="1:12" ht="15.2" customHeight="1">
      <c r="A23" s="2" t="s">
        <v>13</v>
      </c>
      <c r="B23" s="2" t="s">
        <v>132</v>
      </c>
      <c r="C23" s="2" t="s">
        <v>133</v>
      </c>
      <c r="D23" s="2" t="s">
        <v>134</v>
      </c>
      <c r="E23" s="2" t="s">
        <v>124</v>
      </c>
      <c r="F23" s="2" t="s">
        <v>135</v>
      </c>
      <c r="G23" s="3">
        <v>4</v>
      </c>
      <c r="H23" s="2" t="s">
        <v>31</v>
      </c>
      <c r="I23" s="3">
        <v>2016</v>
      </c>
      <c r="J23" s="2" t="s">
        <v>20</v>
      </c>
      <c r="K23" s="2"/>
      <c r="L23" s="2" t="s">
        <v>136</v>
      </c>
    </row>
    <row r="24" spans="1:12" ht="15.2" customHeight="1">
      <c r="A24" s="2" t="s">
        <v>13</v>
      </c>
      <c r="B24" s="2" t="s">
        <v>137</v>
      </c>
      <c r="C24" s="2" t="s">
        <v>138</v>
      </c>
      <c r="D24" s="2" t="s">
        <v>139</v>
      </c>
      <c r="E24" s="2" t="s">
        <v>140</v>
      </c>
      <c r="F24" s="2" t="s">
        <v>141</v>
      </c>
      <c r="G24" s="3">
        <v>1</v>
      </c>
      <c r="H24" s="2" t="s">
        <v>50</v>
      </c>
      <c r="I24" s="3">
        <v>2018</v>
      </c>
      <c r="J24" s="2" t="s">
        <v>76</v>
      </c>
      <c r="K24" s="2"/>
      <c r="L24" s="2" t="s">
        <v>142</v>
      </c>
    </row>
    <row r="25" spans="1:12" ht="15.2" customHeight="1">
      <c r="A25" s="2" t="s">
        <v>13</v>
      </c>
      <c r="B25" s="2" t="s">
        <v>143</v>
      </c>
      <c r="C25" s="2" t="s">
        <v>144</v>
      </c>
      <c r="D25" s="2" t="s">
        <v>145</v>
      </c>
      <c r="E25" s="2" t="s">
        <v>140</v>
      </c>
      <c r="F25" s="2" t="s">
        <v>146</v>
      </c>
      <c r="G25" s="3">
        <v>2</v>
      </c>
      <c r="H25" s="2" t="s">
        <v>50</v>
      </c>
      <c r="I25" s="3">
        <v>2018</v>
      </c>
      <c r="J25" s="2" t="s">
        <v>76</v>
      </c>
      <c r="K25" s="2"/>
      <c r="L25" s="2" t="s">
        <v>147</v>
      </c>
    </row>
    <row r="26" spans="1:12" ht="15.2" customHeight="1">
      <c r="A26" s="2" t="s">
        <v>13</v>
      </c>
      <c r="B26" s="2" t="s">
        <v>148</v>
      </c>
      <c r="C26" s="2" t="s">
        <v>149</v>
      </c>
      <c r="D26" s="2" t="s">
        <v>150</v>
      </c>
      <c r="E26" s="2" t="s">
        <v>140</v>
      </c>
      <c r="F26" s="2" t="s">
        <v>151</v>
      </c>
      <c r="G26" s="3">
        <v>3</v>
      </c>
      <c r="H26" s="2" t="s">
        <v>50</v>
      </c>
      <c r="I26" s="3">
        <v>2018</v>
      </c>
      <c r="J26" s="2" t="s">
        <v>76</v>
      </c>
      <c r="K26" s="2"/>
      <c r="L26" s="2" t="s">
        <v>152</v>
      </c>
    </row>
    <row r="27" spans="1:12" ht="15.2" customHeight="1">
      <c r="A27" s="2" t="s">
        <v>13</v>
      </c>
      <c r="B27" s="2" t="s">
        <v>153</v>
      </c>
      <c r="C27" s="2" t="s">
        <v>154</v>
      </c>
      <c r="D27" s="2" t="s">
        <v>155</v>
      </c>
      <c r="E27" s="2" t="s">
        <v>140</v>
      </c>
      <c r="F27" s="2" t="s">
        <v>156</v>
      </c>
      <c r="G27" s="3">
        <v>4</v>
      </c>
      <c r="H27" s="2" t="s">
        <v>50</v>
      </c>
      <c r="I27" s="3">
        <v>2018</v>
      </c>
      <c r="J27" s="2" t="s">
        <v>76</v>
      </c>
      <c r="K27" s="2"/>
      <c r="L27" s="2" t="s">
        <v>157</v>
      </c>
    </row>
    <row r="28" spans="1:12" ht="15.2" customHeight="1">
      <c r="A28" s="2" t="s">
        <v>13</v>
      </c>
      <c r="B28" s="2" t="s">
        <v>158</v>
      </c>
      <c r="C28" s="2" t="s">
        <v>159</v>
      </c>
      <c r="D28" s="2" t="s">
        <v>160</v>
      </c>
      <c r="E28" s="2" t="s">
        <v>161</v>
      </c>
      <c r="F28" s="2" t="s">
        <v>162</v>
      </c>
      <c r="G28" s="3">
        <v>11</v>
      </c>
      <c r="H28" s="2" t="s">
        <v>93</v>
      </c>
      <c r="I28" s="3">
        <v>2017</v>
      </c>
      <c r="J28" s="2" t="s">
        <v>20</v>
      </c>
      <c r="K28" s="2"/>
      <c r="L28" s="2" t="s">
        <v>163</v>
      </c>
    </row>
    <row r="29" spans="1:12" ht="15.2" customHeight="1">
      <c r="A29" s="2" t="s">
        <v>13</v>
      </c>
      <c r="B29" s="2" t="s">
        <v>164</v>
      </c>
      <c r="C29" s="2"/>
      <c r="D29" s="2" t="s">
        <v>28</v>
      </c>
      <c r="E29" s="2" t="s">
        <v>29</v>
      </c>
      <c r="F29" s="2" t="s">
        <v>30</v>
      </c>
      <c r="G29" s="3">
        <v>3</v>
      </c>
      <c r="H29" s="2" t="s">
        <v>31</v>
      </c>
      <c r="I29" s="3">
        <v>2019</v>
      </c>
      <c r="J29" s="2" t="s">
        <v>32</v>
      </c>
      <c r="K29" s="2"/>
      <c r="L29" s="2" t="s">
        <v>33</v>
      </c>
    </row>
    <row r="30" spans="1:12" ht="15.2" customHeight="1">
      <c r="A30" s="2" t="s">
        <v>13</v>
      </c>
      <c r="B30" s="2" t="s">
        <v>165</v>
      </c>
      <c r="C30" s="2"/>
      <c r="D30" s="2" t="s">
        <v>35</v>
      </c>
      <c r="E30" s="2" t="s">
        <v>29</v>
      </c>
      <c r="F30" s="2" t="s">
        <v>36</v>
      </c>
      <c r="G30" s="3">
        <v>4</v>
      </c>
      <c r="H30" s="2" t="s">
        <v>31</v>
      </c>
      <c r="I30" s="3">
        <v>2019</v>
      </c>
      <c r="J30" s="2" t="s">
        <v>32</v>
      </c>
      <c r="K30" s="2"/>
      <c r="L30" s="2" t="s">
        <v>37</v>
      </c>
    </row>
    <row r="31" spans="1:12" ht="15.2" customHeight="1">
      <c r="A31" s="2" t="s">
        <v>13</v>
      </c>
      <c r="B31" s="2" t="s">
        <v>166</v>
      </c>
      <c r="C31" s="2" t="s">
        <v>112</v>
      </c>
      <c r="D31" s="2" t="s">
        <v>113</v>
      </c>
      <c r="E31" s="2" t="s">
        <v>17</v>
      </c>
      <c r="F31" s="2" t="s">
        <v>114</v>
      </c>
      <c r="G31" s="3">
        <v>6</v>
      </c>
      <c r="H31" s="2" t="s">
        <v>19</v>
      </c>
      <c r="I31" s="3">
        <v>2019</v>
      </c>
      <c r="J31" s="2" t="s">
        <v>20</v>
      </c>
      <c r="K31" s="2"/>
      <c r="L31" s="2" t="s">
        <v>115</v>
      </c>
    </row>
    <row r="32" spans="1:12" ht="15.2" customHeight="1">
      <c r="A32" s="2" t="s">
        <v>167</v>
      </c>
      <c r="B32" s="2" t="s">
        <v>14</v>
      </c>
      <c r="C32" s="2" t="s">
        <v>168</v>
      </c>
      <c r="D32" s="2" t="s">
        <v>169</v>
      </c>
      <c r="E32" s="2" t="s">
        <v>103</v>
      </c>
      <c r="F32" s="2" t="s">
        <v>170</v>
      </c>
      <c r="G32" s="3">
        <v>7</v>
      </c>
      <c r="H32" s="2" t="s">
        <v>171</v>
      </c>
      <c r="I32" s="3">
        <v>2016</v>
      </c>
      <c r="J32" s="2" t="s">
        <v>20</v>
      </c>
      <c r="K32" s="2"/>
      <c r="L32" s="2" t="s">
        <v>172</v>
      </c>
    </row>
    <row r="33" spans="1:12" ht="15.2" customHeight="1">
      <c r="A33" s="2" t="s">
        <v>167</v>
      </c>
      <c r="B33" s="2" t="s">
        <v>22</v>
      </c>
      <c r="C33" s="2" t="s">
        <v>173</v>
      </c>
      <c r="D33" s="2" t="s">
        <v>174</v>
      </c>
      <c r="E33" s="2" t="s">
        <v>103</v>
      </c>
      <c r="F33" s="2" t="s">
        <v>175</v>
      </c>
      <c r="G33" s="3">
        <v>8</v>
      </c>
      <c r="H33" s="2" t="s">
        <v>176</v>
      </c>
      <c r="I33" s="3">
        <v>2016</v>
      </c>
      <c r="J33" s="2" t="s">
        <v>20</v>
      </c>
      <c r="K33" s="2"/>
      <c r="L33" s="2" t="s">
        <v>177</v>
      </c>
    </row>
    <row r="34" spans="1:12" ht="15.2" customHeight="1">
      <c r="A34" s="2" t="s">
        <v>167</v>
      </c>
      <c r="B34" s="2" t="s">
        <v>27</v>
      </c>
      <c r="C34" s="2" t="s">
        <v>122</v>
      </c>
      <c r="D34" s="2" t="s">
        <v>123</v>
      </c>
      <c r="E34" s="2" t="s">
        <v>124</v>
      </c>
      <c r="F34" s="2" t="s">
        <v>125</v>
      </c>
      <c r="G34" s="3">
        <v>2</v>
      </c>
      <c r="H34" s="2" t="s">
        <v>31</v>
      </c>
      <c r="I34" s="3">
        <v>2016</v>
      </c>
      <c r="J34" s="2" t="s">
        <v>20</v>
      </c>
      <c r="K34" s="2"/>
      <c r="L34" s="2" t="s">
        <v>126</v>
      </c>
    </row>
    <row r="35" spans="1:12" ht="15.2" customHeight="1">
      <c r="A35" s="2" t="s">
        <v>167</v>
      </c>
      <c r="B35" s="2" t="s">
        <v>34</v>
      </c>
      <c r="C35" s="2" t="s">
        <v>128</v>
      </c>
      <c r="D35" s="2" t="s">
        <v>129</v>
      </c>
      <c r="E35" s="2" t="s">
        <v>124</v>
      </c>
      <c r="F35" s="2" t="s">
        <v>130</v>
      </c>
      <c r="G35" s="3">
        <v>3</v>
      </c>
      <c r="H35" s="2" t="s">
        <v>31</v>
      </c>
      <c r="I35" s="3">
        <v>2016</v>
      </c>
      <c r="J35" s="2" t="s">
        <v>20</v>
      </c>
      <c r="K35" s="2"/>
      <c r="L35" s="2" t="s">
        <v>131</v>
      </c>
    </row>
    <row r="36" spans="1:12" ht="15.2" customHeight="1">
      <c r="A36" s="2" t="s">
        <v>167</v>
      </c>
      <c r="B36" s="2" t="s">
        <v>38</v>
      </c>
      <c r="C36" s="2" t="s">
        <v>133</v>
      </c>
      <c r="D36" s="2" t="s">
        <v>134</v>
      </c>
      <c r="E36" s="2" t="s">
        <v>124</v>
      </c>
      <c r="F36" s="2" t="s">
        <v>135</v>
      </c>
      <c r="G36" s="3">
        <v>4</v>
      </c>
      <c r="H36" s="2" t="s">
        <v>31</v>
      </c>
      <c r="I36" s="3">
        <v>2016</v>
      </c>
      <c r="J36" s="2" t="s">
        <v>20</v>
      </c>
      <c r="K36" s="2"/>
      <c r="L36" s="2" t="s">
        <v>136</v>
      </c>
    </row>
    <row r="37" spans="1:12" ht="15.2" customHeight="1">
      <c r="A37" s="2" t="s">
        <v>167</v>
      </c>
      <c r="B37" s="2" t="s">
        <v>45</v>
      </c>
      <c r="C37" s="2" t="s">
        <v>112</v>
      </c>
      <c r="D37" s="2" t="s">
        <v>113</v>
      </c>
      <c r="E37" s="2" t="s">
        <v>17</v>
      </c>
      <c r="F37" s="2" t="s">
        <v>114</v>
      </c>
      <c r="G37" s="3">
        <v>6</v>
      </c>
      <c r="H37" s="2" t="s">
        <v>19</v>
      </c>
      <c r="I37" s="3">
        <v>2019</v>
      </c>
      <c r="J37" s="2" t="s">
        <v>20</v>
      </c>
      <c r="K37" s="2"/>
      <c r="L37" s="2" t="s">
        <v>115</v>
      </c>
    </row>
    <row r="38" spans="1:12" ht="15.2" customHeight="1">
      <c r="A38" s="2" t="s">
        <v>167</v>
      </c>
      <c r="B38" s="2" t="s">
        <v>53</v>
      </c>
      <c r="C38" s="2" t="s">
        <v>117</v>
      </c>
      <c r="D38" s="2" t="s">
        <v>118</v>
      </c>
      <c r="E38" s="2" t="s">
        <v>17</v>
      </c>
      <c r="F38" s="2" t="s">
        <v>119</v>
      </c>
      <c r="G38" s="3">
        <v>7</v>
      </c>
      <c r="H38" s="2" t="s">
        <v>19</v>
      </c>
      <c r="I38" s="3">
        <v>2019</v>
      </c>
      <c r="J38" s="2" t="s">
        <v>20</v>
      </c>
      <c r="K38" s="2"/>
      <c r="L38" s="2" t="s">
        <v>120</v>
      </c>
    </row>
    <row r="39" spans="1:12" ht="15.2" customHeight="1">
      <c r="A39" s="2" t="s">
        <v>167</v>
      </c>
      <c r="B39" s="2" t="s">
        <v>60</v>
      </c>
      <c r="C39" s="2" t="s">
        <v>15</v>
      </c>
      <c r="D39" s="2" t="s">
        <v>16</v>
      </c>
      <c r="E39" s="2" t="s">
        <v>17</v>
      </c>
      <c r="F39" s="2" t="s">
        <v>18</v>
      </c>
      <c r="G39" s="3">
        <v>4</v>
      </c>
      <c r="H39" s="2" t="s">
        <v>19</v>
      </c>
      <c r="I39" s="3">
        <v>2019</v>
      </c>
      <c r="J39" s="2" t="s">
        <v>20</v>
      </c>
      <c r="K39" s="2"/>
      <c r="L39" s="2" t="s">
        <v>21</v>
      </c>
    </row>
    <row r="40" spans="1:12" ht="15.2" customHeight="1">
      <c r="A40" s="2" t="s">
        <v>167</v>
      </c>
      <c r="B40" s="2" t="s">
        <v>65</v>
      </c>
      <c r="C40" s="2" t="s">
        <v>178</v>
      </c>
      <c r="D40" s="2" t="s">
        <v>179</v>
      </c>
      <c r="E40" s="2" t="s">
        <v>180</v>
      </c>
      <c r="F40" s="2" t="s">
        <v>181</v>
      </c>
      <c r="G40" s="3">
        <v>7</v>
      </c>
      <c r="H40" s="2" t="s">
        <v>31</v>
      </c>
      <c r="I40" s="3">
        <v>2017</v>
      </c>
      <c r="J40" s="2" t="s">
        <v>20</v>
      </c>
      <c r="K40" s="2"/>
      <c r="L40" s="2" t="s">
        <v>182</v>
      </c>
    </row>
    <row r="41" spans="1:12" ht="15.2" customHeight="1">
      <c r="A41" s="2" t="s">
        <v>167</v>
      </c>
      <c r="B41" s="2" t="s">
        <v>70</v>
      </c>
      <c r="C41" s="2" t="s">
        <v>66</v>
      </c>
      <c r="D41" s="2" t="s">
        <v>67</v>
      </c>
      <c r="E41" s="2" t="s">
        <v>56</v>
      </c>
      <c r="F41" s="2" t="s">
        <v>68</v>
      </c>
      <c r="G41" s="3">
        <v>12</v>
      </c>
      <c r="H41" s="2" t="s">
        <v>58</v>
      </c>
      <c r="I41" s="3">
        <v>2014</v>
      </c>
      <c r="J41" s="2" t="s">
        <v>20</v>
      </c>
      <c r="K41" s="2"/>
      <c r="L41" s="2" t="s">
        <v>69</v>
      </c>
    </row>
    <row r="42" spans="1:12" ht="15.2" customHeight="1">
      <c r="A42" s="2" t="s">
        <v>167</v>
      </c>
      <c r="B42" s="2" t="s">
        <v>78</v>
      </c>
      <c r="C42" s="2" t="s">
        <v>54</v>
      </c>
      <c r="D42" s="2" t="s">
        <v>55</v>
      </c>
      <c r="E42" s="2" t="s">
        <v>56</v>
      </c>
      <c r="F42" s="2" t="s">
        <v>57</v>
      </c>
      <c r="G42" s="3">
        <v>10</v>
      </c>
      <c r="H42" s="2" t="s">
        <v>58</v>
      </c>
      <c r="I42" s="3">
        <v>2014</v>
      </c>
      <c r="J42" s="2" t="s">
        <v>20</v>
      </c>
      <c r="K42" s="2"/>
      <c r="L42" s="2" t="s">
        <v>59</v>
      </c>
    </row>
    <row r="43" spans="1:12" ht="15.2" customHeight="1">
      <c r="A43" s="2" t="s">
        <v>167</v>
      </c>
      <c r="B43" s="2" t="s">
        <v>83</v>
      </c>
      <c r="C43" s="2" t="s">
        <v>61</v>
      </c>
      <c r="D43" s="2" t="s">
        <v>62</v>
      </c>
      <c r="E43" s="2" t="s">
        <v>56</v>
      </c>
      <c r="F43" s="2" t="s">
        <v>63</v>
      </c>
      <c r="G43" s="3">
        <v>11</v>
      </c>
      <c r="H43" s="2" t="s">
        <v>58</v>
      </c>
      <c r="I43" s="3">
        <v>2014</v>
      </c>
      <c r="J43" s="2" t="s">
        <v>20</v>
      </c>
      <c r="K43" s="2"/>
      <c r="L43" s="2" t="s">
        <v>64</v>
      </c>
    </row>
    <row r="44" spans="1:12" ht="15.2" customHeight="1">
      <c r="A44" s="2" t="s">
        <v>167</v>
      </c>
      <c r="B44" s="2" t="s">
        <v>88</v>
      </c>
      <c r="C44" s="2" t="s">
        <v>183</v>
      </c>
      <c r="D44" s="2" t="s">
        <v>184</v>
      </c>
      <c r="E44" s="2" t="s">
        <v>185</v>
      </c>
      <c r="F44" s="2" t="s">
        <v>186</v>
      </c>
      <c r="G44" s="3">
        <v>1</v>
      </c>
      <c r="H44" s="2" t="s">
        <v>187</v>
      </c>
      <c r="I44" s="3">
        <v>2018</v>
      </c>
      <c r="J44" s="2" t="s">
        <v>20</v>
      </c>
      <c r="K44" s="2"/>
      <c r="L44" s="2" t="s">
        <v>188</v>
      </c>
    </row>
    <row r="45" spans="1:12" ht="15.2" customHeight="1">
      <c r="A45" s="2" t="s">
        <v>167</v>
      </c>
      <c r="B45" s="2" t="s">
        <v>95</v>
      </c>
      <c r="C45" s="2" t="s">
        <v>189</v>
      </c>
      <c r="D45" s="2" t="s">
        <v>190</v>
      </c>
      <c r="E45" s="2" t="s">
        <v>191</v>
      </c>
      <c r="F45" s="2" t="s">
        <v>192</v>
      </c>
      <c r="G45" s="3">
        <v>1</v>
      </c>
      <c r="H45" s="2" t="s">
        <v>31</v>
      </c>
      <c r="I45" s="3">
        <v>2018</v>
      </c>
      <c r="J45" s="2" t="s">
        <v>193</v>
      </c>
      <c r="K45" s="2"/>
      <c r="L45" s="2" t="s">
        <v>194</v>
      </c>
    </row>
    <row r="46" spans="1:12" ht="15.2" customHeight="1">
      <c r="A46" s="2" t="s">
        <v>167</v>
      </c>
      <c r="B46" s="2" t="s">
        <v>195</v>
      </c>
      <c r="C46" s="2" t="s">
        <v>196</v>
      </c>
      <c r="D46" s="2" t="s">
        <v>197</v>
      </c>
      <c r="E46" s="2" t="s">
        <v>191</v>
      </c>
      <c r="F46" s="2" t="s">
        <v>198</v>
      </c>
      <c r="G46" s="3">
        <v>2</v>
      </c>
      <c r="H46" s="2" t="s">
        <v>31</v>
      </c>
      <c r="I46" s="3">
        <v>2018</v>
      </c>
      <c r="J46" s="2" t="s">
        <v>193</v>
      </c>
      <c r="K46" s="2"/>
      <c r="L46" s="2" t="s">
        <v>199</v>
      </c>
    </row>
    <row r="47" spans="1:12" ht="15.2" customHeight="1">
      <c r="A47" s="2" t="s">
        <v>167</v>
      </c>
      <c r="B47" s="2" t="s">
        <v>100</v>
      </c>
      <c r="C47" s="2" t="s">
        <v>200</v>
      </c>
      <c r="D47" s="2" t="s">
        <v>201</v>
      </c>
      <c r="E47" s="2" t="s">
        <v>191</v>
      </c>
      <c r="F47" s="2" t="s">
        <v>202</v>
      </c>
      <c r="G47" s="3">
        <v>3</v>
      </c>
      <c r="H47" s="2" t="s">
        <v>31</v>
      </c>
      <c r="I47" s="3">
        <v>2018</v>
      </c>
      <c r="J47" s="2" t="s">
        <v>193</v>
      </c>
      <c r="K47" s="2"/>
      <c r="L47" s="2" t="s">
        <v>203</v>
      </c>
    </row>
    <row r="48" spans="1:12" ht="15.2" customHeight="1">
      <c r="A48" s="2" t="s">
        <v>167</v>
      </c>
      <c r="B48" s="2" t="s">
        <v>106</v>
      </c>
      <c r="C48" s="2" t="s">
        <v>204</v>
      </c>
      <c r="D48" s="2" t="s">
        <v>205</v>
      </c>
      <c r="E48" s="2" t="s">
        <v>206</v>
      </c>
      <c r="F48" s="2" t="s">
        <v>207</v>
      </c>
      <c r="G48" s="3">
        <v>1</v>
      </c>
      <c r="H48" s="2" t="s">
        <v>31</v>
      </c>
      <c r="I48" s="3">
        <v>2016</v>
      </c>
      <c r="J48" s="2" t="s">
        <v>76</v>
      </c>
      <c r="K48" s="2"/>
      <c r="L48" s="2" t="s">
        <v>208</v>
      </c>
    </row>
    <row r="49" spans="1:12" ht="15.2" customHeight="1">
      <c r="A49" s="2" t="s">
        <v>167</v>
      </c>
      <c r="B49" s="2" t="s">
        <v>111</v>
      </c>
      <c r="C49" s="2" t="s">
        <v>209</v>
      </c>
      <c r="D49" s="2" t="s">
        <v>210</v>
      </c>
      <c r="E49" s="2" t="s">
        <v>103</v>
      </c>
      <c r="F49" s="2" t="s">
        <v>211</v>
      </c>
      <c r="G49" s="3">
        <v>9</v>
      </c>
      <c r="H49" s="2" t="s">
        <v>58</v>
      </c>
      <c r="I49" s="3">
        <v>2016</v>
      </c>
      <c r="J49" s="2" t="s">
        <v>20</v>
      </c>
      <c r="K49" s="2"/>
      <c r="L49" s="2" t="s">
        <v>212</v>
      </c>
    </row>
    <row r="50" spans="1:12" ht="15.2" customHeight="1">
      <c r="A50" s="2" t="s">
        <v>167</v>
      </c>
      <c r="B50" s="2" t="s">
        <v>116</v>
      </c>
      <c r="C50" s="2" t="s">
        <v>213</v>
      </c>
      <c r="D50" s="2" t="s">
        <v>214</v>
      </c>
      <c r="E50" s="2" t="s">
        <v>103</v>
      </c>
      <c r="F50" s="2" t="s">
        <v>215</v>
      </c>
      <c r="G50" s="3">
        <v>10</v>
      </c>
      <c r="H50" s="2" t="s">
        <v>58</v>
      </c>
      <c r="I50" s="3">
        <v>2016</v>
      </c>
      <c r="J50" s="2" t="s">
        <v>20</v>
      </c>
      <c r="K50" s="2"/>
      <c r="L50" s="2" t="s">
        <v>216</v>
      </c>
    </row>
    <row r="51" spans="1:12" ht="15.2" customHeight="1">
      <c r="A51" s="2" t="s">
        <v>167</v>
      </c>
      <c r="B51" s="2" t="s">
        <v>121</v>
      </c>
      <c r="C51" s="2"/>
      <c r="D51" s="2" t="s">
        <v>96</v>
      </c>
      <c r="E51" s="2" t="s">
        <v>97</v>
      </c>
      <c r="F51" s="2" t="s">
        <v>98</v>
      </c>
      <c r="G51" s="3">
        <v>1</v>
      </c>
      <c r="H51" s="2" t="s">
        <v>50</v>
      </c>
      <c r="I51" s="3">
        <v>2021</v>
      </c>
      <c r="J51" s="2" t="s">
        <v>20</v>
      </c>
      <c r="K51" s="2"/>
      <c r="L51" s="2" t="s">
        <v>99</v>
      </c>
    </row>
    <row r="52" spans="1:12" ht="15.2" customHeight="1">
      <c r="A52" s="2" t="s">
        <v>167</v>
      </c>
      <c r="B52" s="2" t="s">
        <v>132</v>
      </c>
      <c r="C52" s="2"/>
      <c r="D52" s="2" t="s">
        <v>217</v>
      </c>
      <c r="E52" s="2" t="s">
        <v>97</v>
      </c>
      <c r="F52" s="2" t="s">
        <v>218</v>
      </c>
      <c r="G52" s="3">
        <v>2</v>
      </c>
      <c r="H52" s="2" t="s">
        <v>31</v>
      </c>
      <c r="I52" s="3">
        <v>2021</v>
      </c>
      <c r="J52" s="2" t="s">
        <v>20</v>
      </c>
      <c r="K52" s="2"/>
      <c r="L52" s="2" t="s">
        <v>219</v>
      </c>
    </row>
    <row r="53" spans="1:12" ht="15.2" customHeight="1">
      <c r="A53" s="2" t="s">
        <v>167</v>
      </c>
      <c r="B53" s="2" t="s">
        <v>137</v>
      </c>
      <c r="C53" s="2" t="s">
        <v>71</v>
      </c>
      <c r="D53" s="2" t="s">
        <v>72</v>
      </c>
      <c r="E53" s="2" t="s">
        <v>73</v>
      </c>
      <c r="F53" s="2" t="s">
        <v>74</v>
      </c>
      <c r="G53" s="3">
        <v>1</v>
      </c>
      <c r="H53" s="2" t="s">
        <v>75</v>
      </c>
      <c r="I53" s="3">
        <v>2010</v>
      </c>
      <c r="J53" s="2" t="s">
        <v>76</v>
      </c>
      <c r="K53" s="2"/>
      <c r="L53" s="2" t="s">
        <v>77</v>
      </c>
    </row>
    <row r="54" spans="1:12" ht="15.2" customHeight="1">
      <c r="A54" s="2" t="s">
        <v>167</v>
      </c>
      <c r="B54" s="2" t="s">
        <v>143</v>
      </c>
      <c r="C54" s="2" t="s">
        <v>79</v>
      </c>
      <c r="D54" s="2" t="s">
        <v>80</v>
      </c>
      <c r="E54" s="2" t="s">
        <v>73</v>
      </c>
      <c r="F54" s="2" t="s">
        <v>81</v>
      </c>
      <c r="G54" s="3">
        <v>2</v>
      </c>
      <c r="H54" s="2" t="s">
        <v>75</v>
      </c>
      <c r="I54" s="3">
        <v>2010</v>
      </c>
      <c r="J54" s="2" t="s">
        <v>76</v>
      </c>
      <c r="K54" s="2"/>
      <c r="L54" s="2" t="s">
        <v>82</v>
      </c>
    </row>
    <row r="55" spans="1:12" ht="15.2" customHeight="1">
      <c r="A55" s="2" t="s">
        <v>167</v>
      </c>
      <c r="B55" s="2" t="s">
        <v>148</v>
      </c>
      <c r="C55" s="2" t="s">
        <v>84</v>
      </c>
      <c r="D55" s="2" t="s">
        <v>85</v>
      </c>
      <c r="E55" s="2" t="s">
        <v>73</v>
      </c>
      <c r="F55" s="2" t="s">
        <v>86</v>
      </c>
      <c r="G55" s="3">
        <v>3</v>
      </c>
      <c r="H55" s="2" t="s">
        <v>19</v>
      </c>
      <c r="I55" s="3">
        <v>2010</v>
      </c>
      <c r="J55" s="2" t="s">
        <v>76</v>
      </c>
      <c r="K55" s="2"/>
      <c r="L55" s="2" t="s">
        <v>87</v>
      </c>
    </row>
    <row r="56" spans="1:12" ht="15.2" customHeight="1">
      <c r="A56" s="2" t="s">
        <v>167</v>
      </c>
      <c r="B56" s="2" t="s">
        <v>153</v>
      </c>
      <c r="C56" s="2" t="s">
        <v>220</v>
      </c>
      <c r="D56" s="2" t="s">
        <v>221</v>
      </c>
      <c r="E56" s="2" t="s">
        <v>222</v>
      </c>
      <c r="F56" s="2" t="s">
        <v>223</v>
      </c>
      <c r="G56" s="3">
        <v>1</v>
      </c>
      <c r="H56" s="2" t="s">
        <v>58</v>
      </c>
      <c r="I56" s="3">
        <v>2014</v>
      </c>
      <c r="J56" s="2" t="s">
        <v>20</v>
      </c>
      <c r="K56" s="2"/>
      <c r="L56" s="2" t="s">
        <v>224</v>
      </c>
    </row>
    <row r="57" spans="1:12" ht="15.2" customHeight="1">
      <c r="A57" s="2" t="s">
        <v>167</v>
      </c>
      <c r="B57" s="2" t="s">
        <v>158</v>
      </c>
      <c r="C57" s="2" t="s">
        <v>225</v>
      </c>
      <c r="D57" s="2" t="s">
        <v>226</v>
      </c>
      <c r="E57" s="2" t="s">
        <v>161</v>
      </c>
      <c r="F57" s="2" t="s">
        <v>227</v>
      </c>
      <c r="G57" s="3">
        <v>12</v>
      </c>
      <c r="H57" s="2" t="s">
        <v>93</v>
      </c>
      <c r="I57" s="3">
        <v>2017</v>
      </c>
      <c r="J57" s="2" t="s">
        <v>20</v>
      </c>
      <c r="K57" s="2"/>
      <c r="L57" s="2" t="s">
        <v>228</v>
      </c>
    </row>
    <row r="58" spans="1:12" ht="15.2" customHeight="1">
      <c r="A58" s="2" t="s">
        <v>167</v>
      </c>
      <c r="B58" s="2" t="s">
        <v>164</v>
      </c>
      <c r="C58" s="2" t="s">
        <v>122</v>
      </c>
      <c r="D58" s="2" t="s">
        <v>123</v>
      </c>
      <c r="E58" s="2" t="s">
        <v>124</v>
      </c>
      <c r="F58" s="2" t="s">
        <v>125</v>
      </c>
      <c r="G58" s="3">
        <v>2</v>
      </c>
      <c r="H58" s="2" t="s">
        <v>31</v>
      </c>
      <c r="I58" s="3">
        <v>2016</v>
      </c>
      <c r="J58" s="2" t="s">
        <v>20</v>
      </c>
      <c r="K58" s="2"/>
      <c r="L58" s="2" t="s">
        <v>126</v>
      </c>
    </row>
    <row r="59" spans="1:12" ht="15.2" customHeight="1">
      <c r="A59" s="2" t="s">
        <v>167</v>
      </c>
      <c r="B59" s="2" t="s">
        <v>165</v>
      </c>
      <c r="C59" s="2" t="s">
        <v>128</v>
      </c>
      <c r="D59" s="2" t="s">
        <v>129</v>
      </c>
      <c r="E59" s="2" t="s">
        <v>124</v>
      </c>
      <c r="F59" s="2" t="s">
        <v>130</v>
      </c>
      <c r="G59" s="3">
        <v>3</v>
      </c>
      <c r="H59" s="2" t="s">
        <v>31</v>
      </c>
      <c r="I59" s="3">
        <v>2016</v>
      </c>
      <c r="J59" s="2" t="s">
        <v>20</v>
      </c>
      <c r="K59" s="2"/>
      <c r="L59" s="2" t="s">
        <v>131</v>
      </c>
    </row>
    <row r="60" spans="1:12" ht="15.2" customHeight="1">
      <c r="A60" s="2" t="s">
        <v>167</v>
      </c>
      <c r="B60" s="2" t="s">
        <v>166</v>
      </c>
      <c r="C60" s="2" t="s">
        <v>209</v>
      </c>
      <c r="D60" s="2" t="s">
        <v>210</v>
      </c>
      <c r="E60" s="2" t="s">
        <v>103</v>
      </c>
      <c r="F60" s="2" t="s">
        <v>211</v>
      </c>
      <c r="G60" s="3">
        <v>9</v>
      </c>
      <c r="H60" s="2" t="s">
        <v>58</v>
      </c>
      <c r="I60" s="3">
        <v>2016</v>
      </c>
      <c r="J60" s="2" t="s">
        <v>20</v>
      </c>
      <c r="K60" s="2"/>
      <c r="L60" s="2" t="s">
        <v>212</v>
      </c>
    </row>
    <row r="61" spans="1:12" ht="15.2" customHeight="1">
      <c r="A61" s="2" t="s">
        <v>229</v>
      </c>
      <c r="B61" s="2" t="s">
        <v>14</v>
      </c>
      <c r="C61" s="2"/>
      <c r="D61" s="2" t="s">
        <v>230</v>
      </c>
      <c r="E61" s="2" t="s">
        <v>231</v>
      </c>
      <c r="F61" s="2" t="s">
        <v>232</v>
      </c>
      <c r="G61" s="3">
        <v>3</v>
      </c>
      <c r="H61" s="2" t="s">
        <v>31</v>
      </c>
      <c r="I61" s="3">
        <v>2019</v>
      </c>
      <c r="J61" s="2" t="s">
        <v>193</v>
      </c>
      <c r="K61" s="2"/>
      <c r="L61" s="2" t="s">
        <v>233</v>
      </c>
    </row>
    <row r="62" spans="1:12" ht="15.2" customHeight="1">
      <c r="A62" s="2" t="s">
        <v>229</v>
      </c>
      <c r="B62" s="2" t="s">
        <v>22</v>
      </c>
      <c r="C62" s="2" t="s">
        <v>234</v>
      </c>
      <c r="D62" s="2" t="s">
        <v>235</v>
      </c>
      <c r="E62" s="2" t="s">
        <v>236</v>
      </c>
      <c r="F62" s="2" t="s">
        <v>237</v>
      </c>
      <c r="G62" s="3">
        <v>3</v>
      </c>
      <c r="H62" s="2" t="s">
        <v>50</v>
      </c>
      <c r="I62" s="3">
        <v>2015</v>
      </c>
      <c r="J62" s="2" t="s">
        <v>193</v>
      </c>
      <c r="K62" s="2"/>
      <c r="L62" s="2" t="s">
        <v>238</v>
      </c>
    </row>
    <row r="63" spans="1:12" ht="15.2" customHeight="1">
      <c r="A63" s="2" t="s">
        <v>229</v>
      </c>
      <c r="B63" s="2" t="s">
        <v>27</v>
      </c>
      <c r="C63" s="2" t="s">
        <v>239</v>
      </c>
      <c r="D63" s="2" t="s">
        <v>240</v>
      </c>
      <c r="E63" s="2" t="s">
        <v>185</v>
      </c>
      <c r="F63" s="2" t="s">
        <v>241</v>
      </c>
      <c r="G63" s="3">
        <v>6</v>
      </c>
      <c r="H63" s="2" t="s">
        <v>187</v>
      </c>
      <c r="I63" s="3">
        <v>2018</v>
      </c>
      <c r="J63" s="2" t="s">
        <v>20</v>
      </c>
      <c r="K63" s="2"/>
      <c r="L63" s="2" t="s">
        <v>242</v>
      </c>
    </row>
    <row r="64" spans="1:12" ht="15.2" customHeight="1">
      <c r="A64" s="2" t="s">
        <v>229</v>
      </c>
      <c r="B64" s="2" t="s">
        <v>243</v>
      </c>
      <c r="C64" s="2" t="s">
        <v>244</v>
      </c>
      <c r="D64" s="2" t="s">
        <v>245</v>
      </c>
      <c r="E64" s="2" t="s">
        <v>246</v>
      </c>
      <c r="F64" s="2" t="s">
        <v>247</v>
      </c>
      <c r="G64" s="3">
        <v>7</v>
      </c>
      <c r="H64" s="2" t="s">
        <v>75</v>
      </c>
      <c r="I64" s="3">
        <v>2014</v>
      </c>
      <c r="J64" s="2" t="s">
        <v>20</v>
      </c>
      <c r="K64" s="2"/>
      <c r="L64" s="2" t="s">
        <v>248</v>
      </c>
    </row>
    <row r="65" spans="1:12" ht="15.2" customHeight="1">
      <c r="A65" s="2" t="s">
        <v>229</v>
      </c>
      <c r="B65" s="2" t="s">
        <v>249</v>
      </c>
      <c r="C65" s="2" t="s">
        <v>250</v>
      </c>
      <c r="D65" s="2" t="s">
        <v>251</v>
      </c>
      <c r="E65" s="2" t="s">
        <v>246</v>
      </c>
      <c r="F65" s="2" t="s">
        <v>252</v>
      </c>
      <c r="G65" s="3">
        <v>8</v>
      </c>
      <c r="H65" s="2" t="s">
        <v>75</v>
      </c>
      <c r="I65" s="3">
        <v>2014</v>
      </c>
      <c r="J65" s="2" t="s">
        <v>20</v>
      </c>
      <c r="K65" s="2"/>
      <c r="L65" s="2" t="s">
        <v>253</v>
      </c>
    </row>
    <row r="66" spans="1:12" ht="15.2" customHeight="1">
      <c r="A66" s="2" t="s">
        <v>229</v>
      </c>
      <c r="B66" s="2" t="s">
        <v>254</v>
      </c>
      <c r="C66" s="2" t="s">
        <v>255</v>
      </c>
      <c r="D66" s="2" t="s">
        <v>256</v>
      </c>
      <c r="E66" s="2" t="s">
        <v>124</v>
      </c>
      <c r="F66" s="2" t="s">
        <v>257</v>
      </c>
      <c r="G66" s="3">
        <v>1</v>
      </c>
      <c r="H66" s="2" t="s">
        <v>31</v>
      </c>
      <c r="I66" s="3">
        <v>2016</v>
      </c>
      <c r="J66" s="2" t="s">
        <v>20</v>
      </c>
      <c r="K66" s="2"/>
      <c r="L66" s="2" t="s">
        <v>258</v>
      </c>
    </row>
    <row r="67" spans="1:12" ht="15.2" customHeight="1">
      <c r="A67" s="2" t="s">
        <v>229</v>
      </c>
      <c r="B67" s="2" t="s">
        <v>259</v>
      </c>
      <c r="C67" s="2" t="s">
        <v>260</v>
      </c>
      <c r="D67" s="2" t="s">
        <v>261</v>
      </c>
      <c r="E67" s="2" t="s">
        <v>103</v>
      </c>
      <c r="F67" s="2" t="s">
        <v>262</v>
      </c>
      <c r="G67" s="3">
        <v>11</v>
      </c>
      <c r="H67" s="2" t="s">
        <v>58</v>
      </c>
      <c r="I67" s="3">
        <v>2014</v>
      </c>
      <c r="J67" s="2" t="s">
        <v>20</v>
      </c>
      <c r="K67" s="2"/>
      <c r="L67" s="2" t="s">
        <v>263</v>
      </c>
    </row>
    <row r="68" spans="1:12" ht="15.2" customHeight="1">
      <c r="A68" s="2" t="s">
        <v>229</v>
      </c>
      <c r="B68" s="2" t="s">
        <v>264</v>
      </c>
      <c r="C68" s="2" t="s">
        <v>265</v>
      </c>
      <c r="D68" s="2" t="s">
        <v>266</v>
      </c>
      <c r="E68" s="2" t="s">
        <v>103</v>
      </c>
      <c r="F68" s="2" t="s">
        <v>267</v>
      </c>
      <c r="G68" s="3">
        <v>10</v>
      </c>
      <c r="H68" s="2" t="s">
        <v>58</v>
      </c>
      <c r="I68" s="3">
        <v>2014</v>
      </c>
      <c r="J68" s="2" t="s">
        <v>20</v>
      </c>
      <c r="K68" s="2"/>
      <c r="L68" s="2" t="s">
        <v>268</v>
      </c>
    </row>
    <row r="69" spans="1:12" ht="15.2" customHeight="1">
      <c r="A69" s="2" t="s">
        <v>229</v>
      </c>
      <c r="B69" s="2" t="s">
        <v>269</v>
      </c>
      <c r="C69" s="2"/>
      <c r="D69" s="2" t="s">
        <v>230</v>
      </c>
      <c r="E69" s="2" t="s">
        <v>231</v>
      </c>
      <c r="F69" s="2" t="s">
        <v>232</v>
      </c>
      <c r="G69" s="3">
        <v>3</v>
      </c>
      <c r="H69" s="2" t="s">
        <v>31</v>
      </c>
      <c r="I69" s="3">
        <v>2019</v>
      </c>
      <c r="J69" s="2" t="s">
        <v>193</v>
      </c>
      <c r="K69" s="2"/>
      <c r="L69" s="2" t="s">
        <v>233</v>
      </c>
    </row>
    <row r="70" spans="1:12" ht="15.2" customHeight="1">
      <c r="A70" s="2" t="s">
        <v>229</v>
      </c>
      <c r="B70" s="2" t="s">
        <v>270</v>
      </c>
      <c r="C70" s="2" t="s">
        <v>271</v>
      </c>
      <c r="D70" s="2" t="s">
        <v>272</v>
      </c>
      <c r="E70" s="2" t="s">
        <v>231</v>
      </c>
      <c r="F70" s="2" t="s">
        <v>273</v>
      </c>
      <c r="G70" s="3">
        <v>4</v>
      </c>
      <c r="H70" s="2" t="s">
        <v>31</v>
      </c>
      <c r="I70" s="3">
        <v>2019</v>
      </c>
      <c r="J70" s="2" t="s">
        <v>193</v>
      </c>
      <c r="K70" s="2"/>
      <c r="L70" s="2" t="s">
        <v>274</v>
      </c>
    </row>
    <row r="71" spans="1:12" ht="15.2" customHeight="1">
      <c r="A71" s="2" t="s">
        <v>229</v>
      </c>
      <c r="B71" s="2" t="s">
        <v>275</v>
      </c>
      <c r="C71" s="2" t="s">
        <v>276</v>
      </c>
      <c r="D71" s="2" t="s">
        <v>277</v>
      </c>
      <c r="E71" s="2" t="s">
        <v>278</v>
      </c>
      <c r="F71" s="2" t="s">
        <v>279</v>
      </c>
      <c r="G71" s="3">
        <v>1</v>
      </c>
      <c r="H71" s="2" t="s">
        <v>31</v>
      </c>
      <c r="I71" s="3">
        <v>2018</v>
      </c>
      <c r="J71" s="2" t="s">
        <v>193</v>
      </c>
      <c r="K71" s="2"/>
      <c r="L71" s="2" t="s">
        <v>280</v>
      </c>
    </row>
    <row r="72" spans="1:12" ht="15.2" customHeight="1">
      <c r="A72" s="2" t="s">
        <v>229</v>
      </c>
      <c r="B72" s="2" t="s">
        <v>83</v>
      </c>
      <c r="C72" s="2" t="s">
        <v>281</v>
      </c>
      <c r="D72" s="2" t="s">
        <v>282</v>
      </c>
      <c r="E72" s="2" t="s">
        <v>278</v>
      </c>
      <c r="F72" s="2" t="s">
        <v>283</v>
      </c>
      <c r="G72" s="3">
        <v>2</v>
      </c>
      <c r="H72" s="2" t="s">
        <v>31</v>
      </c>
      <c r="I72" s="3">
        <v>2018</v>
      </c>
      <c r="J72" s="2" t="s">
        <v>193</v>
      </c>
      <c r="K72" s="2"/>
      <c r="L72" s="2" t="s">
        <v>284</v>
      </c>
    </row>
    <row r="73" spans="1:12" ht="15.2" customHeight="1">
      <c r="A73" s="2" t="s">
        <v>229</v>
      </c>
      <c r="B73" s="2" t="s">
        <v>285</v>
      </c>
      <c r="C73" s="2" t="s">
        <v>286</v>
      </c>
      <c r="D73" s="2" t="s">
        <v>287</v>
      </c>
      <c r="E73" s="2" t="s">
        <v>278</v>
      </c>
      <c r="F73" s="2" t="s">
        <v>288</v>
      </c>
      <c r="G73" s="3">
        <v>3</v>
      </c>
      <c r="H73" s="2" t="s">
        <v>31</v>
      </c>
      <c r="I73" s="3">
        <v>2018</v>
      </c>
      <c r="J73" s="2" t="s">
        <v>193</v>
      </c>
      <c r="K73" s="2"/>
      <c r="L73" s="2" t="s">
        <v>289</v>
      </c>
    </row>
    <row r="74" spans="1:12" ht="15.2" customHeight="1">
      <c r="A74" s="2" t="s">
        <v>229</v>
      </c>
      <c r="B74" s="2" t="s">
        <v>290</v>
      </c>
      <c r="C74" s="2" t="s">
        <v>291</v>
      </c>
      <c r="D74" s="2" t="s">
        <v>292</v>
      </c>
      <c r="E74" s="2" t="s">
        <v>293</v>
      </c>
      <c r="F74" s="2" t="s">
        <v>294</v>
      </c>
      <c r="G74" s="3">
        <v>3</v>
      </c>
      <c r="H74" s="2" t="s">
        <v>31</v>
      </c>
      <c r="I74" s="3">
        <v>2019</v>
      </c>
      <c r="J74" s="2" t="s">
        <v>20</v>
      </c>
      <c r="K74" s="2"/>
      <c r="L74" s="2" t="s">
        <v>295</v>
      </c>
    </row>
    <row r="75" spans="1:12" ht="15.2" customHeight="1">
      <c r="A75" s="2" t="s">
        <v>229</v>
      </c>
      <c r="B75" s="2" t="s">
        <v>296</v>
      </c>
      <c r="C75" s="2" t="s">
        <v>297</v>
      </c>
      <c r="D75" s="2" t="s">
        <v>298</v>
      </c>
      <c r="E75" s="2" t="s">
        <v>293</v>
      </c>
      <c r="F75" s="2" t="s">
        <v>299</v>
      </c>
      <c r="G75" s="3">
        <v>2</v>
      </c>
      <c r="H75" s="2" t="s">
        <v>31</v>
      </c>
      <c r="I75" s="3">
        <v>2019</v>
      </c>
      <c r="J75" s="2" t="s">
        <v>20</v>
      </c>
      <c r="K75" s="2"/>
      <c r="L75" s="2" t="s">
        <v>300</v>
      </c>
    </row>
    <row r="76" spans="1:12" ht="15.2" customHeight="1">
      <c r="A76" s="2" t="s">
        <v>229</v>
      </c>
      <c r="B76" s="2" t="s">
        <v>301</v>
      </c>
      <c r="C76" s="2" t="s">
        <v>260</v>
      </c>
      <c r="D76" s="2" t="s">
        <v>261</v>
      </c>
      <c r="E76" s="2" t="s">
        <v>103</v>
      </c>
      <c r="F76" s="2" t="s">
        <v>262</v>
      </c>
      <c r="G76" s="3">
        <v>11</v>
      </c>
      <c r="H76" s="2" t="s">
        <v>58</v>
      </c>
      <c r="I76" s="3">
        <v>2014</v>
      </c>
      <c r="J76" s="2" t="s">
        <v>20</v>
      </c>
      <c r="K76" s="2"/>
      <c r="L76" s="2" t="s">
        <v>263</v>
      </c>
    </row>
    <row r="77" spans="1:12" ht="15.2" customHeight="1">
      <c r="A77" s="2" t="s">
        <v>229</v>
      </c>
      <c r="B77" s="2" t="s">
        <v>302</v>
      </c>
      <c r="C77" s="2" t="s">
        <v>265</v>
      </c>
      <c r="D77" s="2" t="s">
        <v>266</v>
      </c>
      <c r="E77" s="2" t="s">
        <v>103</v>
      </c>
      <c r="F77" s="2" t="s">
        <v>267</v>
      </c>
      <c r="G77" s="3">
        <v>10</v>
      </c>
      <c r="H77" s="2" t="s">
        <v>58</v>
      </c>
      <c r="I77" s="3">
        <v>2014</v>
      </c>
      <c r="J77" s="2" t="s">
        <v>20</v>
      </c>
      <c r="K77" s="2"/>
      <c r="L77" s="2" t="s">
        <v>268</v>
      </c>
    </row>
    <row r="78" spans="1:12" ht="15.2" customHeight="1">
      <c r="A78" s="2" t="s">
        <v>229</v>
      </c>
      <c r="B78" s="2" t="s">
        <v>111</v>
      </c>
      <c r="C78" s="2" t="s">
        <v>303</v>
      </c>
      <c r="D78" s="2" t="s">
        <v>304</v>
      </c>
      <c r="E78" s="2" t="s">
        <v>124</v>
      </c>
      <c r="F78" s="2" t="s">
        <v>305</v>
      </c>
      <c r="G78" s="3">
        <v>5</v>
      </c>
      <c r="H78" s="2" t="s">
        <v>31</v>
      </c>
      <c r="I78" s="3">
        <v>2016</v>
      </c>
      <c r="J78" s="2" t="s">
        <v>20</v>
      </c>
      <c r="K78" s="2"/>
      <c r="L78" s="2" t="s">
        <v>306</v>
      </c>
    </row>
    <row r="79" spans="1:12" ht="15.2" customHeight="1">
      <c r="A79" s="2" t="s">
        <v>229</v>
      </c>
      <c r="B79" s="2" t="s">
        <v>307</v>
      </c>
      <c r="C79" s="2" t="s">
        <v>308</v>
      </c>
      <c r="D79" s="2" t="s">
        <v>309</v>
      </c>
      <c r="E79" s="2" t="s">
        <v>124</v>
      </c>
      <c r="F79" s="2" t="s">
        <v>310</v>
      </c>
      <c r="G79" s="3">
        <v>6</v>
      </c>
      <c r="H79" s="2" t="s">
        <v>31</v>
      </c>
      <c r="I79" s="3">
        <v>2016</v>
      </c>
      <c r="J79" s="2" t="s">
        <v>20</v>
      </c>
      <c r="K79" s="2"/>
      <c r="L79" s="2" t="s">
        <v>311</v>
      </c>
    </row>
    <row r="80" spans="1:12" ht="15.2" customHeight="1">
      <c r="A80" s="2" t="s">
        <v>229</v>
      </c>
      <c r="B80" s="2" t="s">
        <v>121</v>
      </c>
      <c r="C80" s="2" t="s">
        <v>312</v>
      </c>
      <c r="D80" s="2" t="s">
        <v>313</v>
      </c>
      <c r="E80" s="2" t="s">
        <v>124</v>
      </c>
      <c r="F80" s="2" t="s">
        <v>314</v>
      </c>
      <c r="G80" s="3">
        <v>7</v>
      </c>
      <c r="H80" s="2" t="s">
        <v>31</v>
      </c>
      <c r="I80" s="3">
        <v>2016</v>
      </c>
      <c r="J80" s="2" t="s">
        <v>20</v>
      </c>
      <c r="K80" s="2"/>
      <c r="L80" s="2" t="s">
        <v>315</v>
      </c>
    </row>
    <row r="81" spans="1:12" ht="15.2" customHeight="1">
      <c r="A81" s="2" t="s">
        <v>229</v>
      </c>
      <c r="B81" s="2" t="s">
        <v>127</v>
      </c>
      <c r="C81" s="2"/>
      <c r="D81" s="2" t="s">
        <v>316</v>
      </c>
      <c r="E81" s="2" t="s">
        <v>124</v>
      </c>
      <c r="F81" s="2" t="s">
        <v>317</v>
      </c>
      <c r="G81" s="3">
        <v>13</v>
      </c>
      <c r="H81" s="2" t="s">
        <v>19</v>
      </c>
      <c r="I81" s="3">
        <v>2019</v>
      </c>
      <c r="J81" s="2" t="s">
        <v>20</v>
      </c>
      <c r="K81" s="2"/>
      <c r="L81" s="2" t="s">
        <v>318</v>
      </c>
    </row>
    <row r="82" spans="1:12" ht="15.2" customHeight="1">
      <c r="A82" s="2" t="s">
        <v>229</v>
      </c>
      <c r="B82" s="2" t="s">
        <v>132</v>
      </c>
      <c r="C82" s="2" t="s">
        <v>319</v>
      </c>
      <c r="D82" s="2" t="s">
        <v>320</v>
      </c>
      <c r="E82" s="2" t="s">
        <v>321</v>
      </c>
      <c r="F82" s="2" t="s">
        <v>322</v>
      </c>
      <c r="G82" s="3">
        <v>6</v>
      </c>
      <c r="H82" s="2" t="s">
        <v>75</v>
      </c>
      <c r="I82" s="3">
        <v>2009</v>
      </c>
      <c r="J82" s="2" t="s">
        <v>20</v>
      </c>
      <c r="K82" s="2"/>
      <c r="L82" s="2" t="s">
        <v>323</v>
      </c>
    </row>
    <row r="83" spans="1:12" ht="15.2" customHeight="1">
      <c r="A83" s="2" t="s">
        <v>229</v>
      </c>
      <c r="B83" s="2" t="s">
        <v>137</v>
      </c>
      <c r="C83" s="2" t="s">
        <v>324</v>
      </c>
      <c r="D83" s="2" t="s">
        <v>325</v>
      </c>
      <c r="E83" s="2" t="s">
        <v>321</v>
      </c>
      <c r="F83" s="2" t="s">
        <v>326</v>
      </c>
      <c r="G83" s="3">
        <v>4</v>
      </c>
      <c r="H83" s="2" t="s">
        <v>19</v>
      </c>
      <c r="I83" s="3">
        <v>2009</v>
      </c>
      <c r="J83" s="2" t="s">
        <v>20</v>
      </c>
      <c r="K83" s="2"/>
      <c r="L83" s="2" t="s">
        <v>323</v>
      </c>
    </row>
    <row r="84" spans="1:12" ht="15.2" customHeight="1">
      <c r="A84" s="2" t="s">
        <v>229</v>
      </c>
      <c r="B84" s="2" t="s">
        <v>143</v>
      </c>
      <c r="C84" s="2" t="s">
        <v>327</v>
      </c>
      <c r="D84" s="2" t="s">
        <v>328</v>
      </c>
      <c r="E84" s="2" t="s">
        <v>321</v>
      </c>
      <c r="F84" s="2" t="s">
        <v>329</v>
      </c>
      <c r="G84" s="3">
        <v>6</v>
      </c>
      <c r="H84" s="2" t="s">
        <v>75</v>
      </c>
      <c r="I84" s="3">
        <v>2010</v>
      </c>
      <c r="J84" s="2" t="s">
        <v>20</v>
      </c>
      <c r="K84" s="2"/>
      <c r="L84" s="2" t="s">
        <v>330</v>
      </c>
    </row>
    <row r="85" spans="1:12" ht="15.2" customHeight="1">
      <c r="A85" s="2" t="s">
        <v>229</v>
      </c>
      <c r="B85" s="2" t="s">
        <v>148</v>
      </c>
      <c r="C85" s="2"/>
      <c r="D85" s="2" t="s">
        <v>230</v>
      </c>
      <c r="E85" s="2" t="s">
        <v>231</v>
      </c>
      <c r="F85" s="2" t="s">
        <v>232</v>
      </c>
      <c r="G85" s="3">
        <v>3</v>
      </c>
      <c r="H85" s="2" t="s">
        <v>31</v>
      </c>
      <c r="I85" s="3">
        <v>2019</v>
      </c>
      <c r="J85" s="2" t="s">
        <v>193</v>
      </c>
      <c r="K85" s="2"/>
      <c r="L85" s="2" t="s">
        <v>233</v>
      </c>
    </row>
    <row r="86" spans="1:12" ht="15.2" customHeight="1">
      <c r="A86" s="2" t="s">
        <v>229</v>
      </c>
      <c r="B86" s="2" t="s">
        <v>153</v>
      </c>
      <c r="C86" s="2" t="s">
        <v>234</v>
      </c>
      <c r="D86" s="2" t="s">
        <v>235</v>
      </c>
      <c r="E86" s="2" t="s">
        <v>236</v>
      </c>
      <c r="F86" s="2" t="s">
        <v>237</v>
      </c>
      <c r="G86" s="3">
        <v>3</v>
      </c>
      <c r="H86" s="2" t="s">
        <v>50</v>
      </c>
      <c r="I86" s="3">
        <v>2015</v>
      </c>
      <c r="J86" s="2" t="s">
        <v>193</v>
      </c>
      <c r="K86" s="2"/>
      <c r="L86" s="2" t="s">
        <v>238</v>
      </c>
    </row>
    <row r="87" spans="1:12" ht="15.2" customHeight="1">
      <c r="A87" s="2" t="s">
        <v>229</v>
      </c>
      <c r="B87" s="2" t="s">
        <v>158</v>
      </c>
      <c r="C87" s="2" t="s">
        <v>331</v>
      </c>
      <c r="D87" s="2" t="s">
        <v>332</v>
      </c>
      <c r="E87" s="2" t="s">
        <v>333</v>
      </c>
      <c r="F87" s="2" t="s">
        <v>334</v>
      </c>
      <c r="G87" s="3">
        <v>1</v>
      </c>
      <c r="H87" s="2" t="s">
        <v>335</v>
      </c>
      <c r="I87" s="3">
        <v>2017</v>
      </c>
      <c r="J87" s="2" t="s">
        <v>20</v>
      </c>
      <c r="K87" s="2"/>
      <c r="L87" s="2" t="s">
        <v>336</v>
      </c>
    </row>
    <row r="88" spans="1:12" ht="15.2" customHeight="1">
      <c r="A88" s="2" t="s">
        <v>229</v>
      </c>
      <c r="B88" s="2" t="s">
        <v>164</v>
      </c>
      <c r="C88" s="2" t="s">
        <v>291</v>
      </c>
      <c r="D88" s="2" t="s">
        <v>292</v>
      </c>
      <c r="E88" s="2" t="s">
        <v>293</v>
      </c>
      <c r="F88" s="2" t="s">
        <v>294</v>
      </c>
      <c r="G88" s="3">
        <v>3</v>
      </c>
      <c r="H88" s="2" t="s">
        <v>31</v>
      </c>
      <c r="I88" s="3">
        <v>2019</v>
      </c>
      <c r="J88" s="2" t="s">
        <v>20</v>
      </c>
      <c r="K88" s="2"/>
      <c r="L88" s="2" t="s">
        <v>295</v>
      </c>
    </row>
    <row r="89" spans="1:12" ht="15.2" customHeight="1">
      <c r="A89" s="2" t="s">
        <v>229</v>
      </c>
      <c r="B89" s="2" t="s">
        <v>165</v>
      </c>
      <c r="C89" s="2" t="s">
        <v>297</v>
      </c>
      <c r="D89" s="2" t="s">
        <v>298</v>
      </c>
      <c r="E89" s="2" t="s">
        <v>293</v>
      </c>
      <c r="F89" s="2" t="s">
        <v>299</v>
      </c>
      <c r="G89" s="3">
        <v>2</v>
      </c>
      <c r="H89" s="2" t="s">
        <v>31</v>
      </c>
      <c r="I89" s="3">
        <v>2019</v>
      </c>
      <c r="J89" s="2" t="s">
        <v>20</v>
      </c>
      <c r="K89" s="2"/>
      <c r="L89" s="2" t="s">
        <v>300</v>
      </c>
    </row>
    <row r="90" spans="1:12" ht="15.2" customHeight="1">
      <c r="A90" s="2" t="s">
        <v>229</v>
      </c>
      <c r="B90" s="2" t="s">
        <v>166</v>
      </c>
      <c r="C90" s="2" t="s">
        <v>303</v>
      </c>
      <c r="D90" s="2" t="s">
        <v>304</v>
      </c>
      <c r="E90" s="2" t="s">
        <v>124</v>
      </c>
      <c r="F90" s="2" t="s">
        <v>305</v>
      </c>
      <c r="G90" s="3">
        <v>5</v>
      </c>
      <c r="H90" s="2" t="s">
        <v>31</v>
      </c>
      <c r="I90" s="3">
        <v>2016</v>
      </c>
      <c r="J90" s="2" t="s">
        <v>20</v>
      </c>
      <c r="K90" s="2"/>
      <c r="L90" s="2" t="s">
        <v>306</v>
      </c>
    </row>
    <row r="91" spans="1:12" ht="15.2" customHeight="1">
      <c r="A91" s="2" t="s">
        <v>337</v>
      </c>
      <c r="B91" s="2" t="s">
        <v>14</v>
      </c>
      <c r="C91" s="2" t="s">
        <v>271</v>
      </c>
      <c r="D91" s="2" t="s">
        <v>272</v>
      </c>
      <c r="E91" s="2" t="s">
        <v>231</v>
      </c>
      <c r="F91" s="2" t="s">
        <v>273</v>
      </c>
      <c r="G91" s="3">
        <v>4</v>
      </c>
      <c r="H91" s="2" t="s">
        <v>31</v>
      </c>
      <c r="I91" s="3">
        <v>2019</v>
      </c>
      <c r="J91" s="2" t="s">
        <v>193</v>
      </c>
      <c r="K91" s="2"/>
      <c r="L91" s="2" t="s">
        <v>274</v>
      </c>
    </row>
    <row r="92" spans="1:12" ht="15.2" customHeight="1">
      <c r="A92" s="2" t="s">
        <v>337</v>
      </c>
      <c r="B92" s="2" t="s">
        <v>22</v>
      </c>
      <c r="C92" s="2"/>
      <c r="D92" s="2" t="s">
        <v>230</v>
      </c>
      <c r="E92" s="2" t="s">
        <v>231</v>
      </c>
      <c r="F92" s="2" t="s">
        <v>232</v>
      </c>
      <c r="G92" s="3">
        <v>3</v>
      </c>
      <c r="H92" s="2" t="s">
        <v>31</v>
      </c>
      <c r="I92" s="3">
        <v>2019</v>
      </c>
      <c r="J92" s="2" t="s">
        <v>193</v>
      </c>
      <c r="K92" s="2"/>
      <c r="L92" s="2" t="s">
        <v>233</v>
      </c>
    </row>
    <row r="93" spans="1:12" ht="15.2" customHeight="1">
      <c r="A93" s="2" t="s">
        <v>337</v>
      </c>
      <c r="B93" s="2" t="s">
        <v>27</v>
      </c>
      <c r="C93" s="2" t="s">
        <v>338</v>
      </c>
      <c r="D93" s="2" t="s">
        <v>339</v>
      </c>
      <c r="E93" s="2" t="s">
        <v>161</v>
      </c>
      <c r="F93" s="2" t="s">
        <v>340</v>
      </c>
      <c r="G93" s="3">
        <v>1</v>
      </c>
      <c r="H93" s="2" t="s">
        <v>93</v>
      </c>
      <c r="I93" s="3">
        <v>2017</v>
      </c>
      <c r="J93" s="2" t="s">
        <v>20</v>
      </c>
      <c r="K93" s="2"/>
      <c r="L93" s="2" t="s">
        <v>341</v>
      </c>
    </row>
    <row r="94" spans="1:12" ht="15.2" customHeight="1">
      <c r="A94" s="2" t="s">
        <v>337</v>
      </c>
      <c r="B94" s="2" t="s">
        <v>243</v>
      </c>
      <c r="C94" s="2"/>
      <c r="D94" s="2" t="s">
        <v>28</v>
      </c>
      <c r="E94" s="2" t="s">
        <v>29</v>
      </c>
      <c r="F94" s="2" t="s">
        <v>30</v>
      </c>
      <c r="G94" s="3">
        <v>3</v>
      </c>
      <c r="H94" s="2" t="s">
        <v>31</v>
      </c>
      <c r="I94" s="3">
        <v>2019</v>
      </c>
      <c r="J94" s="2" t="s">
        <v>32</v>
      </c>
      <c r="K94" s="2"/>
      <c r="L94" s="2" t="s">
        <v>33</v>
      </c>
    </row>
    <row r="95" spans="1:12" ht="15.2" customHeight="1">
      <c r="A95" s="2" t="s">
        <v>337</v>
      </c>
      <c r="B95" s="2" t="s">
        <v>249</v>
      </c>
      <c r="C95" s="2"/>
      <c r="D95" s="2" t="s">
        <v>35</v>
      </c>
      <c r="E95" s="2" t="s">
        <v>29</v>
      </c>
      <c r="F95" s="2" t="s">
        <v>36</v>
      </c>
      <c r="G95" s="3">
        <v>4</v>
      </c>
      <c r="H95" s="2" t="s">
        <v>31</v>
      </c>
      <c r="I95" s="3">
        <v>2019</v>
      </c>
      <c r="J95" s="2" t="s">
        <v>32</v>
      </c>
      <c r="K95" s="2"/>
      <c r="L95" s="2" t="s">
        <v>37</v>
      </c>
    </row>
    <row r="96" spans="1:12" ht="15.2" customHeight="1">
      <c r="A96" s="2" t="s">
        <v>337</v>
      </c>
      <c r="B96" s="2" t="s">
        <v>254</v>
      </c>
      <c r="C96" s="2" t="s">
        <v>39</v>
      </c>
      <c r="D96" s="2" t="s">
        <v>40</v>
      </c>
      <c r="E96" s="2" t="s">
        <v>41</v>
      </c>
      <c r="F96" s="2" t="s">
        <v>42</v>
      </c>
      <c r="G96" s="3">
        <v>2</v>
      </c>
      <c r="H96" s="2" t="s">
        <v>31</v>
      </c>
      <c r="I96" s="3">
        <v>2018</v>
      </c>
      <c r="J96" s="2" t="s">
        <v>43</v>
      </c>
      <c r="K96" s="2"/>
      <c r="L96" s="2" t="s">
        <v>44</v>
      </c>
    </row>
    <row r="97" spans="1:12" ht="15.2" customHeight="1">
      <c r="A97" s="2" t="s">
        <v>337</v>
      </c>
      <c r="B97" s="2" t="s">
        <v>259</v>
      </c>
      <c r="C97" s="2" t="s">
        <v>342</v>
      </c>
      <c r="D97" s="2" t="s">
        <v>343</v>
      </c>
      <c r="E97" s="2" t="s">
        <v>103</v>
      </c>
      <c r="F97" s="2" t="s">
        <v>344</v>
      </c>
      <c r="G97" s="3">
        <v>12</v>
      </c>
      <c r="H97" s="2" t="s">
        <v>58</v>
      </c>
      <c r="I97" s="3">
        <v>2014</v>
      </c>
      <c r="J97" s="2" t="s">
        <v>20</v>
      </c>
      <c r="K97" s="2"/>
      <c r="L97" s="2" t="s">
        <v>345</v>
      </c>
    </row>
    <row r="98" spans="1:12" ht="15.2" customHeight="1">
      <c r="A98" s="2" t="s">
        <v>337</v>
      </c>
      <c r="B98" s="2" t="s">
        <v>264</v>
      </c>
      <c r="C98" s="2" t="s">
        <v>260</v>
      </c>
      <c r="D98" s="2" t="s">
        <v>261</v>
      </c>
      <c r="E98" s="2" t="s">
        <v>103</v>
      </c>
      <c r="F98" s="2" t="s">
        <v>262</v>
      </c>
      <c r="G98" s="3">
        <v>11</v>
      </c>
      <c r="H98" s="2" t="s">
        <v>58</v>
      </c>
      <c r="I98" s="3">
        <v>2014</v>
      </c>
      <c r="J98" s="2" t="s">
        <v>20</v>
      </c>
      <c r="K98" s="2"/>
      <c r="L98" s="2" t="s">
        <v>263</v>
      </c>
    </row>
    <row r="99" spans="1:12" ht="15.2" customHeight="1">
      <c r="A99" s="2" t="s">
        <v>337</v>
      </c>
      <c r="B99" s="2" t="s">
        <v>269</v>
      </c>
      <c r="C99" s="2" t="s">
        <v>346</v>
      </c>
      <c r="D99" s="2" t="s">
        <v>347</v>
      </c>
      <c r="E99" s="2" t="s">
        <v>348</v>
      </c>
      <c r="F99" s="2" t="s">
        <v>349</v>
      </c>
      <c r="G99" s="3">
        <v>1</v>
      </c>
      <c r="H99" s="2" t="s">
        <v>31</v>
      </c>
      <c r="I99" s="3">
        <v>2018</v>
      </c>
      <c r="J99" s="2" t="s">
        <v>350</v>
      </c>
      <c r="K99" s="2"/>
      <c r="L99" s="2" t="s">
        <v>351</v>
      </c>
    </row>
    <row r="100" spans="1:12" ht="15.2" customHeight="1">
      <c r="A100" s="2" t="s">
        <v>337</v>
      </c>
      <c r="B100" s="2" t="s">
        <v>270</v>
      </c>
      <c r="C100" s="2" t="s">
        <v>352</v>
      </c>
      <c r="D100" s="2" t="s">
        <v>353</v>
      </c>
      <c r="E100" s="2" t="s">
        <v>354</v>
      </c>
      <c r="F100" s="2" t="s">
        <v>354</v>
      </c>
      <c r="G100" s="3">
        <v>1</v>
      </c>
      <c r="H100" s="2" t="s">
        <v>31</v>
      </c>
      <c r="I100" s="3">
        <v>2019</v>
      </c>
      <c r="J100" s="2" t="s">
        <v>350</v>
      </c>
      <c r="K100" s="2"/>
      <c r="L100" s="2" t="s">
        <v>355</v>
      </c>
    </row>
    <row r="101" spans="1:12" ht="15.2" customHeight="1">
      <c r="A101" s="2" t="s">
        <v>337</v>
      </c>
      <c r="B101" s="2" t="s">
        <v>275</v>
      </c>
      <c r="C101" s="2" t="s">
        <v>356</v>
      </c>
      <c r="D101" s="2" t="s">
        <v>357</v>
      </c>
      <c r="E101" s="2" t="s">
        <v>358</v>
      </c>
      <c r="F101" s="2" t="s">
        <v>358</v>
      </c>
      <c r="G101" s="3">
        <v>1</v>
      </c>
      <c r="H101" s="2" t="s">
        <v>50</v>
      </c>
      <c r="I101" s="3">
        <v>2017</v>
      </c>
      <c r="J101" s="2" t="s">
        <v>350</v>
      </c>
      <c r="K101" s="2"/>
      <c r="L101" s="2" t="s">
        <v>359</v>
      </c>
    </row>
    <row r="102" spans="1:12" ht="15.2" customHeight="1">
      <c r="A102" s="2" t="s">
        <v>337</v>
      </c>
      <c r="B102" s="2" t="s">
        <v>83</v>
      </c>
      <c r="C102" s="2" t="s">
        <v>360</v>
      </c>
      <c r="D102" s="2" t="s">
        <v>361</v>
      </c>
      <c r="E102" s="2" t="s">
        <v>362</v>
      </c>
      <c r="F102" s="2" t="s">
        <v>362</v>
      </c>
      <c r="G102" s="3">
        <v>1</v>
      </c>
      <c r="H102" s="2" t="s">
        <v>50</v>
      </c>
      <c r="I102" s="3">
        <v>2013</v>
      </c>
      <c r="J102" s="2" t="s">
        <v>350</v>
      </c>
      <c r="K102" s="2"/>
      <c r="L102" s="2" t="s">
        <v>363</v>
      </c>
    </row>
    <row r="103" spans="1:12" ht="15.2" customHeight="1">
      <c r="A103" s="2" t="s">
        <v>337</v>
      </c>
      <c r="B103" s="2" t="s">
        <v>285</v>
      </c>
      <c r="C103" s="2"/>
      <c r="D103" s="2" t="s">
        <v>364</v>
      </c>
      <c r="E103" s="2" t="s">
        <v>29</v>
      </c>
      <c r="F103" s="2" t="s">
        <v>365</v>
      </c>
      <c r="G103" s="3">
        <v>1</v>
      </c>
      <c r="H103" s="2" t="s">
        <v>31</v>
      </c>
      <c r="I103" s="3">
        <v>2019</v>
      </c>
      <c r="J103" s="2" t="s">
        <v>32</v>
      </c>
      <c r="K103" s="2"/>
      <c r="L103" s="2" t="s">
        <v>366</v>
      </c>
    </row>
    <row r="104" spans="1:12" ht="15.2" customHeight="1">
      <c r="A104" s="2" t="s">
        <v>337</v>
      </c>
      <c r="B104" s="2" t="s">
        <v>290</v>
      </c>
      <c r="C104" s="2" t="s">
        <v>367</v>
      </c>
      <c r="D104" s="2" t="s">
        <v>368</v>
      </c>
      <c r="E104" s="2" t="s">
        <v>293</v>
      </c>
      <c r="F104" s="2" t="s">
        <v>369</v>
      </c>
      <c r="G104" s="3">
        <v>4</v>
      </c>
      <c r="H104" s="2" t="s">
        <v>31</v>
      </c>
      <c r="I104" s="3">
        <v>2019</v>
      </c>
      <c r="J104" s="2" t="s">
        <v>20</v>
      </c>
      <c r="K104" s="2"/>
      <c r="L104" s="2" t="s">
        <v>370</v>
      </c>
    </row>
    <row r="105" spans="1:12" ht="15.2" customHeight="1">
      <c r="A105" s="2" t="s">
        <v>337</v>
      </c>
      <c r="B105" s="2" t="s">
        <v>296</v>
      </c>
      <c r="C105" s="2" t="s">
        <v>291</v>
      </c>
      <c r="D105" s="2" t="s">
        <v>292</v>
      </c>
      <c r="E105" s="2" t="s">
        <v>293</v>
      </c>
      <c r="F105" s="2" t="s">
        <v>294</v>
      </c>
      <c r="G105" s="3">
        <v>3</v>
      </c>
      <c r="H105" s="2" t="s">
        <v>31</v>
      </c>
      <c r="I105" s="3">
        <v>2019</v>
      </c>
      <c r="J105" s="2" t="s">
        <v>20</v>
      </c>
      <c r="K105" s="2"/>
      <c r="L105" s="2" t="s">
        <v>295</v>
      </c>
    </row>
    <row r="106" spans="1:12" ht="15.2" customHeight="1">
      <c r="A106" s="2" t="s">
        <v>337</v>
      </c>
      <c r="B106" s="2" t="s">
        <v>301</v>
      </c>
      <c r="C106" s="2" t="s">
        <v>342</v>
      </c>
      <c r="D106" s="2" t="s">
        <v>343</v>
      </c>
      <c r="E106" s="2" t="s">
        <v>103</v>
      </c>
      <c r="F106" s="2" t="s">
        <v>344</v>
      </c>
      <c r="G106" s="3">
        <v>12</v>
      </c>
      <c r="H106" s="2" t="s">
        <v>58</v>
      </c>
      <c r="I106" s="3">
        <v>2014</v>
      </c>
      <c r="J106" s="2" t="s">
        <v>20</v>
      </c>
      <c r="K106" s="2"/>
      <c r="L106" s="2" t="s">
        <v>345</v>
      </c>
    </row>
    <row r="107" spans="1:12" ht="15.2" customHeight="1">
      <c r="A107" s="2" t="s">
        <v>337</v>
      </c>
      <c r="B107" s="2" t="s">
        <v>302</v>
      </c>
      <c r="C107" s="2" t="s">
        <v>260</v>
      </c>
      <c r="D107" s="2" t="s">
        <v>261</v>
      </c>
      <c r="E107" s="2" t="s">
        <v>103</v>
      </c>
      <c r="F107" s="2" t="s">
        <v>262</v>
      </c>
      <c r="G107" s="3">
        <v>11</v>
      </c>
      <c r="H107" s="2" t="s">
        <v>58</v>
      </c>
      <c r="I107" s="3">
        <v>2014</v>
      </c>
      <c r="J107" s="2" t="s">
        <v>20</v>
      </c>
      <c r="K107" s="2"/>
      <c r="L107" s="2" t="s">
        <v>263</v>
      </c>
    </row>
    <row r="108" spans="1:12" ht="15.2" customHeight="1">
      <c r="A108" s="2" t="s">
        <v>337</v>
      </c>
      <c r="B108" s="2" t="s">
        <v>111</v>
      </c>
      <c r="C108" s="2"/>
      <c r="D108" s="2" t="s">
        <v>371</v>
      </c>
      <c r="E108" s="2" t="s">
        <v>29</v>
      </c>
      <c r="F108" s="2" t="s">
        <v>372</v>
      </c>
      <c r="G108" s="3">
        <v>5</v>
      </c>
      <c r="H108" s="2" t="s">
        <v>31</v>
      </c>
      <c r="I108" s="3">
        <v>2019</v>
      </c>
      <c r="J108" s="2" t="s">
        <v>32</v>
      </c>
      <c r="K108" s="2"/>
      <c r="L108" s="2" t="s">
        <v>373</v>
      </c>
    </row>
    <row r="109" spans="1:12" ht="15.2" customHeight="1">
      <c r="A109" s="2" t="s">
        <v>337</v>
      </c>
      <c r="B109" s="2" t="s">
        <v>307</v>
      </c>
      <c r="C109" s="2" t="s">
        <v>374</v>
      </c>
      <c r="D109" s="2" t="s">
        <v>375</v>
      </c>
      <c r="E109" s="2" t="s">
        <v>376</v>
      </c>
      <c r="F109" s="2" t="s">
        <v>377</v>
      </c>
      <c r="G109" s="3">
        <v>1</v>
      </c>
      <c r="H109" s="2" t="s">
        <v>31</v>
      </c>
      <c r="I109" s="3">
        <v>2018</v>
      </c>
      <c r="J109" s="2" t="s">
        <v>350</v>
      </c>
      <c r="K109" s="2"/>
      <c r="L109" s="2" t="s">
        <v>378</v>
      </c>
    </row>
    <row r="110" spans="1:12" ht="15.2" customHeight="1">
      <c r="A110" s="2" t="s">
        <v>337</v>
      </c>
      <c r="B110" s="2" t="s">
        <v>121</v>
      </c>
      <c r="C110" s="2" t="s">
        <v>379</v>
      </c>
      <c r="D110" s="2" t="s">
        <v>380</v>
      </c>
      <c r="E110" s="2" t="s">
        <v>41</v>
      </c>
      <c r="F110" s="2" t="s">
        <v>381</v>
      </c>
      <c r="G110" s="3">
        <v>3</v>
      </c>
      <c r="H110" s="2" t="s">
        <v>31</v>
      </c>
      <c r="I110" s="3">
        <v>2018</v>
      </c>
      <c r="J110" s="2" t="s">
        <v>43</v>
      </c>
      <c r="K110" s="2"/>
      <c r="L110" s="2" t="s">
        <v>382</v>
      </c>
    </row>
    <row r="111" spans="1:12" ht="15.2" customHeight="1">
      <c r="A111" s="2" t="s">
        <v>337</v>
      </c>
      <c r="B111" s="2" t="s">
        <v>127</v>
      </c>
      <c r="C111" s="2" t="s">
        <v>383</v>
      </c>
      <c r="D111" s="2" t="s">
        <v>384</v>
      </c>
      <c r="E111" s="2" t="s">
        <v>48</v>
      </c>
      <c r="F111" s="2" t="s">
        <v>385</v>
      </c>
      <c r="G111" s="3">
        <v>3</v>
      </c>
      <c r="H111" s="2" t="s">
        <v>50</v>
      </c>
      <c r="I111" s="3">
        <v>2014</v>
      </c>
      <c r="J111" s="2" t="s">
        <v>51</v>
      </c>
      <c r="K111" s="2"/>
      <c r="L111" s="2" t="s">
        <v>386</v>
      </c>
    </row>
    <row r="112" spans="1:12" ht="15.2" customHeight="1">
      <c r="A112" s="2" t="s">
        <v>337</v>
      </c>
      <c r="B112" s="2" t="s">
        <v>132</v>
      </c>
      <c r="C112" s="2" t="s">
        <v>387</v>
      </c>
      <c r="D112" s="2" t="s">
        <v>388</v>
      </c>
      <c r="E112" s="2" t="s">
        <v>389</v>
      </c>
      <c r="F112" s="2" t="s">
        <v>390</v>
      </c>
      <c r="G112" s="3">
        <v>1</v>
      </c>
      <c r="H112" s="2" t="s">
        <v>58</v>
      </c>
      <c r="I112" s="3">
        <v>2010</v>
      </c>
      <c r="J112" s="2" t="s">
        <v>20</v>
      </c>
      <c r="K112" s="2"/>
      <c r="L112" s="2" t="s">
        <v>391</v>
      </c>
    </row>
    <row r="113" spans="1:12" ht="15.2" customHeight="1">
      <c r="A113" s="2" t="s">
        <v>337</v>
      </c>
      <c r="B113" s="2" t="s">
        <v>137</v>
      </c>
      <c r="C113" s="2" t="s">
        <v>319</v>
      </c>
      <c r="D113" s="2" t="s">
        <v>320</v>
      </c>
      <c r="E113" s="2" t="s">
        <v>321</v>
      </c>
      <c r="F113" s="2" t="s">
        <v>322</v>
      </c>
      <c r="G113" s="3">
        <v>6</v>
      </c>
      <c r="H113" s="2" t="s">
        <v>75</v>
      </c>
      <c r="I113" s="3">
        <v>2009</v>
      </c>
      <c r="J113" s="2" t="s">
        <v>20</v>
      </c>
      <c r="K113" s="2"/>
      <c r="L113" s="2" t="s">
        <v>323</v>
      </c>
    </row>
    <row r="114" spans="1:12" ht="15.2" customHeight="1">
      <c r="A114" s="2" t="s">
        <v>337</v>
      </c>
      <c r="B114" s="2" t="s">
        <v>143</v>
      </c>
      <c r="C114" s="2" t="s">
        <v>392</v>
      </c>
      <c r="D114" s="2" t="s">
        <v>393</v>
      </c>
      <c r="E114" s="2" t="s">
        <v>394</v>
      </c>
      <c r="F114" s="2" t="s">
        <v>395</v>
      </c>
      <c r="G114" s="3">
        <v>1</v>
      </c>
      <c r="H114" s="2" t="s">
        <v>31</v>
      </c>
      <c r="I114" s="3">
        <v>2016</v>
      </c>
      <c r="J114" s="2" t="s">
        <v>51</v>
      </c>
      <c r="K114" s="2"/>
      <c r="L114" s="2" t="s">
        <v>396</v>
      </c>
    </row>
    <row r="115" spans="1:12" ht="15.2" customHeight="1">
      <c r="A115" s="2" t="s">
        <v>337</v>
      </c>
      <c r="B115" s="2" t="s">
        <v>148</v>
      </c>
      <c r="C115" s="2" t="s">
        <v>271</v>
      </c>
      <c r="D115" s="2" t="s">
        <v>272</v>
      </c>
      <c r="E115" s="2" t="s">
        <v>231</v>
      </c>
      <c r="F115" s="2" t="s">
        <v>273</v>
      </c>
      <c r="G115" s="3">
        <v>4</v>
      </c>
      <c r="H115" s="2" t="s">
        <v>31</v>
      </c>
      <c r="I115" s="3">
        <v>2019</v>
      </c>
      <c r="J115" s="2" t="s">
        <v>193</v>
      </c>
      <c r="K115" s="2"/>
      <c r="L115" s="2" t="s">
        <v>274</v>
      </c>
    </row>
    <row r="116" spans="1:12" ht="15.2" customHeight="1">
      <c r="A116" s="2" t="s">
        <v>337</v>
      </c>
      <c r="B116" s="2" t="s">
        <v>153</v>
      </c>
      <c r="C116" s="2"/>
      <c r="D116" s="2" t="s">
        <v>230</v>
      </c>
      <c r="E116" s="2" t="s">
        <v>231</v>
      </c>
      <c r="F116" s="2" t="s">
        <v>232</v>
      </c>
      <c r="G116" s="3">
        <v>3</v>
      </c>
      <c r="H116" s="2" t="s">
        <v>31</v>
      </c>
      <c r="I116" s="3">
        <v>2019</v>
      </c>
      <c r="J116" s="2" t="s">
        <v>193</v>
      </c>
      <c r="K116" s="2"/>
      <c r="L116" s="2" t="s">
        <v>233</v>
      </c>
    </row>
    <row r="117" spans="1:12" ht="15.2" customHeight="1">
      <c r="A117" s="2" t="s">
        <v>337</v>
      </c>
      <c r="B117" s="2" t="s">
        <v>158</v>
      </c>
      <c r="C117" s="2" t="s">
        <v>397</v>
      </c>
      <c r="D117" s="2" t="s">
        <v>398</v>
      </c>
      <c r="E117" s="2" t="s">
        <v>333</v>
      </c>
      <c r="F117" s="2" t="s">
        <v>399</v>
      </c>
      <c r="G117" s="3">
        <v>2</v>
      </c>
      <c r="H117" s="2" t="s">
        <v>335</v>
      </c>
      <c r="I117" s="3">
        <v>2017</v>
      </c>
      <c r="J117" s="2" t="s">
        <v>20</v>
      </c>
      <c r="K117" s="2"/>
      <c r="L117" s="2" t="s">
        <v>400</v>
      </c>
    </row>
    <row r="118" spans="1:12" ht="15.2" customHeight="1">
      <c r="A118" s="2" t="s">
        <v>337</v>
      </c>
      <c r="B118" s="2" t="s">
        <v>164</v>
      </c>
      <c r="C118" s="2" t="s">
        <v>367</v>
      </c>
      <c r="D118" s="2" t="s">
        <v>368</v>
      </c>
      <c r="E118" s="2" t="s">
        <v>293</v>
      </c>
      <c r="F118" s="2" t="s">
        <v>369</v>
      </c>
      <c r="G118" s="3">
        <v>4</v>
      </c>
      <c r="H118" s="2" t="s">
        <v>31</v>
      </c>
      <c r="I118" s="3">
        <v>2019</v>
      </c>
      <c r="J118" s="2" t="s">
        <v>20</v>
      </c>
      <c r="K118" s="2"/>
      <c r="L118" s="2" t="s">
        <v>370</v>
      </c>
    </row>
    <row r="119" spans="1:12" ht="15.2" customHeight="1">
      <c r="A119" s="2" t="s">
        <v>337</v>
      </c>
      <c r="B119" s="2" t="s">
        <v>165</v>
      </c>
      <c r="C119" s="2" t="s">
        <v>291</v>
      </c>
      <c r="D119" s="2" t="s">
        <v>292</v>
      </c>
      <c r="E119" s="2" t="s">
        <v>293</v>
      </c>
      <c r="F119" s="2" t="s">
        <v>294</v>
      </c>
      <c r="G119" s="3">
        <v>3</v>
      </c>
      <c r="H119" s="2" t="s">
        <v>31</v>
      </c>
      <c r="I119" s="3">
        <v>2019</v>
      </c>
      <c r="J119" s="2" t="s">
        <v>20</v>
      </c>
      <c r="K119" s="2"/>
      <c r="L119" s="2" t="s">
        <v>295</v>
      </c>
    </row>
    <row r="120" spans="1:12" ht="15.2" customHeight="1">
      <c r="A120" s="2" t="s">
        <v>337</v>
      </c>
      <c r="B120" s="2" t="s">
        <v>166</v>
      </c>
      <c r="C120" s="2"/>
      <c r="D120" s="2" t="s">
        <v>371</v>
      </c>
      <c r="E120" s="2" t="s">
        <v>29</v>
      </c>
      <c r="F120" s="2" t="s">
        <v>372</v>
      </c>
      <c r="G120" s="3">
        <v>5</v>
      </c>
      <c r="H120" s="2" t="s">
        <v>31</v>
      </c>
      <c r="I120" s="3">
        <v>2019</v>
      </c>
      <c r="J120" s="2" t="s">
        <v>32</v>
      </c>
      <c r="K120" s="2"/>
      <c r="L120" s="2" t="s">
        <v>373</v>
      </c>
    </row>
    <row r="121" spans="1:12" ht="15.2" customHeight="1">
      <c r="A121" s="2" t="s">
        <v>401</v>
      </c>
      <c r="B121" s="2" t="s">
        <v>14</v>
      </c>
      <c r="C121" s="2" t="s">
        <v>276</v>
      </c>
      <c r="D121" s="2" t="s">
        <v>277</v>
      </c>
      <c r="E121" s="2" t="s">
        <v>278</v>
      </c>
      <c r="F121" s="2" t="s">
        <v>279</v>
      </c>
      <c r="G121" s="3">
        <v>1</v>
      </c>
      <c r="H121" s="2" t="s">
        <v>31</v>
      </c>
      <c r="I121" s="3">
        <v>2018</v>
      </c>
      <c r="J121" s="2" t="s">
        <v>193</v>
      </c>
      <c r="K121" s="2"/>
      <c r="L121" s="2" t="s">
        <v>280</v>
      </c>
    </row>
    <row r="122" spans="1:12" ht="15.2" customHeight="1">
      <c r="A122" s="2" t="s">
        <v>401</v>
      </c>
      <c r="B122" s="2" t="s">
        <v>22</v>
      </c>
      <c r="C122" s="2" t="s">
        <v>271</v>
      </c>
      <c r="D122" s="2" t="s">
        <v>272</v>
      </c>
      <c r="E122" s="2" t="s">
        <v>231</v>
      </c>
      <c r="F122" s="2" t="s">
        <v>273</v>
      </c>
      <c r="G122" s="3">
        <v>4</v>
      </c>
      <c r="H122" s="2" t="s">
        <v>31</v>
      </c>
      <c r="I122" s="3">
        <v>2019</v>
      </c>
      <c r="J122" s="2" t="s">
        <v>193</v>
      </c>
      <c r="K122" s="2"/>
      <c r="L122" s="2" t="s">
        <v>274</v>
      </c>
    </row>
    <row r="123" spans="1:12" ht="15.2" customHeight="1">
      <c r="A123" s="2" t="s">
        <v>401</v>
      </c>
      <c r="B123" s="2" t="s">
        <v>27</v>
      </c>
      <c r="C123" s="2" t="s">
        <v>402</v>
      </c>
      <c r="D123" s="2" t="s">
        <v>403</v>
      </c>
      <c r="E123" s="2" t="s">
        <v>161</v>
      </c>
      <c r="F123" s="2" t="s">
        <v>404</v>
      </c>
      <c r="G123" s="3">
        <v>2</v>
      </c>
      <c r="H123" s="2" t="s">
        <v>93</v>
      </c>
      <c r="I123" s="3">
        <v>2017</v>
      </c>
      <c r="J123" s="2" t="s">
        <v>20</v>
      </c>
      <c r="K123" s="2"/>
      <c r="L123" s="2" t="s">
        <v>405</v>
      </c>
    </row>
    <row r="124" spans="1:12" ht="15.2" customHeight="1">
      <c r="A124" s="2" t="s">
        <v>401</v>
      </c>
      <c r="B124" s="2" t="s">
        <v>243</v>
      </c>
      <c r="C124" s="2" t="s">
        <v>71</v>
      </c>
      <c r="D124" s="2" t="s">
        <v>72</v>
      </c>
      <c r="E124" s="2" t="s">
        <v>73</v>
      </c>
      <c r="F124" s="2" t="s">
        <v>74</v>
      </c>
      <c r="G124" s="3">
        <v>1</v>
      </c>
      <c r="H124" s="2" t="s">
        <v>75</v>
      </c>
      <c r="I124" s="3">
        <v>2010</v>
      </c>
      <c r="J124" s="2" t="s">
        <v>76</v>
      </c>
      <c r="K124" s="2"/>
      <c r="L124" s="2" t="s">
        <v>77</v>
      </c>
    </row>
    <row r="125" spans="1:12" ht="15.2" customHeight="1">
      <c r="A125" s="2" t="s">
        <v>401</v>
      </c>
      <c r="B125" s="2" t="s">
        <v>249</v>
      </c>
      <c r="C125" s="2" t="s">
        <v>79</v>
      </c>
      <c r="D125" s="2" t="s">
        <v>80</v>
      </c>
      <c r="E125" s="2" t="s">
        <v>73</v>
      </c>
      <c r="F125" s="2" t="s">
        <v>81</v>
      </c>
      <c r="G125" s="3">
        <v>2</v>
      </c>
      <c r="H125" s="2" t="s">
        <v>75</v>
      </c>
      <c r="I125" s="3">
        <v>2010</v>
      </c>
      <c r="J125" s="2" t="s">
        <v>76</v>
      </c>
      <c r="K125" s="2"/>
      <c r="L125" s="2" t="s">
        <v>82</v>
      </c>
    </row>
    <row r="126" spans="1:12" ht="15.2" customHeight="1">
      <c r="A126" s="2" t="s">
        <v>401</v>
      </c>
      <c r="B126" s="2" t="s">
        <v>254</v>
      </c>
      <c r="C126" s="2" t="s">
        <v>84</v>
      </c>
      <c r="D126" s="2" t="s">
        <v>85</v>
      </c>
      <c r="E126" s="2" t="s">
        <v>73</v>
      </c>
      <c r="F126" s="2" t="s">
        <v>86</v>
      </c>
      <c r="G126" s="3">
        <v>3</v>
      </c>
      <c r="H126" s="2" t="s">
        <v>19</v>
      </c>
      <c r="I126" s="3">
        <v>2010</v>
      </c>
      <c r="J126" s="2" t="s">
        <v>76</v>
      </c>
      <c r="K126" s="2"/>
      <c r="L126" s="2" t="s">
        <v>87</v>
      </c>
    </row>
    <row r="127" spans="1:12" ht="15.2" customHeight="1">
      <c r="A127" s="2" t="s">
        <v>401</v>
      </c>
      <c r="B127" s="2" t="s">
        <v>259</v>
      </c>
      <c r="C127" s="2" t="s">
        <v>406</v>
      </c>
      <c r="D127" s="2" t="s">
        <v>407</v>
      </c>
      <c r="E127" s="2" t="s">
        <v>103</v>
      </c>
      <c r="F127" s="2" t="s">
        <v>408</v>
      </c>
      <c r="G127" s="3">
        <v>13</v>
      </c>
      <c r="H127" s="2" t="s">
        <v>58</v>
      </c>
      <c r="I127" s="3">
        <v>2014</v>
      </c>
      <c r="J127" s="2" t="s">
        <v>20</v>
      </c>
      <c r="K127" s="2"/>
      <c r="L127" s="2" t="s">
        <v>409</v>
      </c>
    </row>
    <row r="128" spans="1:12" ht="15.2" customHeight="1">
      <c r="A128" s="2" t="s">
        <v>401</v>
      </c>
      <c r="B128" s="2" t="s">
        <v>264</v>
      </c>
      <c r="C128" s="2" t="s">
        <v>342</v>
      </c>
      <c r="D128" s="2" t="s">
        <v>343</v>
      </c>
      <c r="E128" s="2" t="s">
        <v>103</v>
      </c>
      <c r="F128" s="2" t="s">
        <v>344</v>
      </c>
      <c r="G128" s="3">
        <v>12</v>
      </c>
      <c r="H128" s="2" t="s">
        <v>58</v>
      </c>
      <c r="I128" s="3">
        <v>2014</v>
      </c>
      <c r="J128" s="2" t="s">
        <v>20</v>
      </c>
      <c r="K128" s="2"/>
      <c r="L128" s="2" t="s">
        <v>345</v>
      </c>
    </row>
    <row r="129" spans="1:12" ht="15.2" customHeight="1">
      <c r="A129" s="2" t="s">
        <v>401</v>
      </c>
      <c r="B129" s="2" t="s">
        <v>269</v>
      </c>
      <c r="C129" s="2" t="s">
        <v>410</v>
      </c>
      <c r="D129" s="2" t="s">
        <v>411</v>
      </c>
      <c r="E129" s="2" t="s">
        <v>412</v>
      </c>
      <c r="F129" s="2" t="s">
        <v>413</v>
      </c>
      <c r="G129" s="3">
        <v>5</v>
      </c>
      <c r="H129" s="2" t="s">
        <v>19</v>
      </c>
      <c r="I129" s="3">
        <v>2018</v>
      </c>
      <c r="J129" s="2" t="s">
        <v>20</v>
      </c>
      <c r="K129" s="2"/>
      <c r="L129" s="2" t="s">
        <v>414</v>
      </c>
    </row>
    <row r="130" spans="1:12" ht="15.2" customHeight="1">
      <c r="A130" s="2" t="s">
        <v>401</v>
      </c>
      <c r="B130" s="2" t="s">
        <v>270</v>
      </c>
      <c r="C130" s="2" t="s">
        <v>415</v>
      </c>
      <c r="D130" s="2" t="s">
        <v>416</v>
      </c>
      <c r="E130" s="2" t="s">
        <v>412</v>
      </c>
      <c r="F130" s="2" t="s">
        <v>417</v>
      </c>
      <c r="G130" s="3">
        <v>6</v>
      </c>
      <c r="H130" s="2" t="s">
        <v>19</v>
      </c>
      <c r="I130" s="3">
        <v>2018</v>
      </c>
      <c r="J130" s="2" t="s">
        <v>20</v>
      </c>
      <c r="K130" s="2"/>
      <c r="L130" s="2" t="s">
        <v>418</v>
      </c>
    </row>
    <row r="131" spans="1:12" ht="15.2" customHeight="1">
      <c r="A131" s="2" t="s">
        <v>401</v>
      </c>
      <c r="B131" s="2" t="s">
        <v>275</v>
      </c>
      <c r="C131" s="2" t="s">
        <v>419</v>
      </c>
      <c r="D131" s="2" t="s">
        <v>420</v>
      </c>
      <c r="E131" s="2" t="s">
        <v>412</v>
      </c>
      <c r="F131" s="2" t="s">
        <v>421</v>
      </c>
      <c r="G131" s="3">
        <v>7</v>
      </c>
      <c r="H131" s="2" t="s">
        <v>19</v>
      </c>
      <c r="I131" s="3">
        <v>2018</v>
      </c>
      <c r="J131" s="2" t="s">
        <v>20</v>
      </c>
      <c r="K131" s="2"/>
      <c r="L131" s="2" t="s">
        <v>422</v>
      </c>
    </row>
    <row r="132" spans="1:12" ht="15.2" customHeight="1">
      <c r="A132" s="2" t="s">
        <v>401</v>
      </c>
      <c r="B132" s="2" t="s">
        <v>83</v>
      </c>
      <c r="C132" s="2"/>
      <c r="D132" s="2" t="s">
        <v>316</v>
      </c>
      <c r="E132" s="2" t="s">
        <v>124</v>
      </c>
      <c r="F132" s="2" t="s">
        <v>317</v>
      </c>
      <c r="G132" s="3">
        <v>13</v>
      </c>
      <c r="H132" s="2" t="s">
        <v>19</v>
      </c>
      <c r="I132" s="3">
        <v>2019</v>
      </c>
      <c r="J132" s="2" t="s">
        <v>20</v>
      </c>
      <c r="K132" s="2"/>
      <c r="L132" s="2" t="s">
        <v>318</v>
      </c>
    </row>
    <row r="133" spans="1:12" ht="15.2" customHeight="1">
      <c r="A133" s="2" t="s">
        <v>401</v>
      </c>
      <c r="B133" s="2" t="s">
        <v>285</v>
      </c>
      <c r="C133" s="2"/>
      <c r="D133" s="2" t="s">
        <v>423</v>
      </c>
      <c r="E133" s="2" t="s">
        <v>124</v>
      </c>
      <c r="F133" s="2" t="s">
        <v>424</v>
      </c>
      <c r="G133" s="3">
        <v>14</v>
      </c>
      <c r="H133" s="2" t="s">
        <v>19</v>
      </c>
      <c r="I133" s="3">
        <v>2019</v>
      </c>
      <c r="J133" s="2" t="s">
        <v>20</v>
      </c>
      <c r="K133" s="2"/>
      <c r="L133" s="2" t="s">
        <v>425</v>
      </c>
    </row>
    <row r="134" spans="1:12" ht="15.2" customHeight="1">
      <c r="A134" s="2" t="s">
        <v>401</v>
      </c>
      <c r="B134" s="2" t="s">
        <v>290</v>
      </c>
      <c r="C134" s="2" t="s">
        <v>426</v>
      </c>
      <c r="D134" s="2" t="s">
        <v>427</v>
      </c>
      <c r="E134" s="2" t="s">
        <v>293</v>
      </c>
      <c r="F134" s="2" t="s">
        <v>428</v>
      </c>
      <c r="G134" s="3">
        <v>5</v>
      </c>
      <c r="H134" s="2" t="s">
        <v>31</v>
      </c>
      <c r="I134" s="3">
        <v>2019</v>
      </c>
      <c r="J134" s="2" t="s">
        <v>20</v>
      </c>
      <c r="K134" s="2"/>
      <c r="L134" s="2" t="s">
        <v>429</v>
      </c>
    </row>
    <row r="135" spans="1:12" ht="15.2" customHeight="1">
      <c r="A135" s="2" t="s">
        <v>401</v>
      </c>
      <c r="B135" s="2" t="s">
        <v>296</v>
      </c>
      <c r="C135" s="2" t="s">
        <v>367</v>
      </c>
      <c r="D135" s="2" t="s">
        <v>368</v>
      </c>
      <c r="E135" s="2" t="s">
        <v>293</v>
      </c>
      <c r="F135" s="2" t="s">
        <v>369</v>
      </c>
      <c r="G135" s="3">
        <v>4</v>
      </c>
      <c r="H135" s="2" t="s">
        <v>31</v>
      </c>
      <c r="I135" s="3">
        <v>2019</v>
      </c>
      <c r="J135" s="2" t="s">
        <v>20</v>
      </c>
      <c r="K135" s="2"/>
      <c r="L135" s="2" t="s">
        <v>370</v>
      </c>
    </row>
    <row r="136" spans="1:12" ht="15.2" customHeight="1">
      <c r="A136" s="2" t="s">
        <v>401</v>
      </c>
      <c r="B136" s="2" t="s">
        <v>301</v>
      </c>
      <c r="C136" s="2" t="s">
        <v>406</v>
      </c>
      <c r="D136" s="2" t="s">
        <v>407</v>
      </c>
      <c r="E136" s="2" t="s">
        <v>103</v>
      </c>
      <c r="F136" s="2" t="s">
        <v>408</v>
      </c>
      <c r="G136" s="3">
        <v>13</v>
      </c>
      <c r="H136" s="2" t="s">
        <v>58</v>
      </c>
      <c r="I136" s="3">
        <v>2014</v>
      </c>
      <c r="J136" s="2" t="s">
        <v>20</v>
      </c>
      <c r="K136" s="2"/>
      <c r="L136" s="2" t="s">
        <v>409</v>
      </c>
    </row>
    <row r="137" spans="1:12" ht="15.2" customHeight="1">
      <c r="A137" s="2" t="s">
        <v>401</v>
      </c>
      <c r="B137" s="2" t="s">
        <v>302</v>
      </c>
      <c r="C137" s="2" t="s">
        <v>342</v>
      </c>
      <c r="D137" s="2" t="s">
        <v>343</v>
      </c>
      <c r="E137" s="2" t="s">
        <v>103</v>
      </c>
      <c r="F137" s="2" t="s">
        <v>344</v>
      </c>
      <c r="G137" s="3">
        <v>12</v>
      </c>
      <c r="H137" s="2" t="s">
        <v>58</v>
      </c>
      <c r="I137" s="3">
        <v>2014</v>
      </c>
      <c r="J137" s="2" t="s">
        <v>20</v>
      </c>
      <c r="K137" s="2"/>
      <c r="L137" s="2" t="s">
        <v>345</v>
      </c>
    </row>
    <row r="138" spans="1:12" ht="15.2" customHeight="1">
      <c r="A138" s="2" t="s">
        <v>401</v>
      </c>
      <c r="B138" s="2" t="s">
        <v>111</v>
      </c>
      <c r="C138" s="2" t="s">
        <v>430</v>
      </c>
      <c r="D138" s="2" t="s">
        <v>431</v>
      </c>
      <c r="E138" s="2" t="s">
        <v>432</v>
      </c>
      <c r="F138" s="2" t="s">
        <v>433</v>
      </c>
      <c r="G138" s="3">
        <v>1</v>
      </c>
      <c r="H138" s="2" t="s">
        <v>31</v>
      </c>
      <c r="I138" s="3">
        <v>2018</v>
      </c>
      <c r="J138" s="2" t="s">
        <v>20</v>
      </c>
      <c r="K138" s="2"/>
      <c r="L138" s="2" t="s">
        <v>434</v>
      </c>
    </row>
    <row r="139" spans="1:12" ht="15.2" customHeight="1">
      <c r="A139" s="2" t="s">
        <v>401</v>
      </c>
      <c r="B139" s="2" t="s">
        <v>307</v>
      </c>
      <c r="C139" s="2" t="s">
        <v>435</v>
      </c>
      <c r="D139" s="2" t="s">
        <v>436</v>
      </c>
      <c r="E139" s="2" t="s">
        <v>432</v>
      </c>
      <c r="F139" s="2" t="s">
        <v>437</v>
      </c>
      <c r="G139" s="3">
        <v>2</v>
      </c>
      <c r="H139" s="2" t="s">
        <v>31</v>
      </c>
      <c r="I139" s="3">
        <v>2018</v>
      </c>
      <c r="J139" s="2" t="s">
        <v>20</v>
      </c>
      <c r="K139" s="2"/>
      <c r="L139" s="2" t="s">
        <v>438</v>
      </c>
    </row>
    <row r="140" spans="1:12" ht="15.2" customHeight="1">
      <c r="A140" s="2" t="s">
        <v>401</v>
      </c>
      <c r="B140" s="2" t="s">
        <v>121</v>
      </c>
      <c r="C140" s="2" t="s">
        <v>439</v>
      </c>
      <c r="D140" s="2" t="s">
        <v>440</v>
      </c>
      <c r="E140" s="2" t="s">
        <v>432</v>
      </c>
      <c r="F140" s="2" t="s">
        <v>441</v>
      </c>
      <c r="G140" s="3">
        <v>3</v>
      </c>
      <c r="H140" s="2" t="s">
        <v>31</v>
      </c>
      <c r="I140" s="3">
        <v>2018</v>
      </c>
      <c r="J140" s="2" t="s">
        <v>20</v>
      </c>
      <c r="K140" s="2"/>
      <c r="L140" s="2" t="s">
        <v>442</v>
      </c>
    </row>
    <row r="141" spans="1:12" ht="15.2" customHeight="1">
      <c r="A141" s="2" t="s">
        <v>401</v>
      </c>
      <c r="B141" s="2" t="s">
        <v>127</v>
      </c>
      <c r="C141" s="2" t="s">
        <v>443</v>
      </c>
      <c r="D141" s="2" t="s">
        <v>444</v>
      </c>
      <c r="E141" s="2" t="s">
        <v>432</v>
      </c>
      <c r="F141" s="2" t="s">
        <v>445</v>
      </c>
      <c r="G141" s="3">
        <v>4</v>
      </c>
      <c r="H141" s="2" t="s">
        <v>31</v>
      </c>
      <c r="I141" s="3">
        <v>2018</v>
      </c>
      <c r="J141" s="2" t="s">
        <v>20</v>
      </c>
      <c r="K141" s="2"/>
      <c r="L141" s="2" t="s">
        <v>446</v>
      </c>
    </row>
    <row r="142" spans="1:12" ht="15.2" customHeight="1">
      <c r="A142" s="2" t="s">
        <v>401</v>
      </c>
      <c r="B142" s="2" t="s">
        <v>132</v>
      </c>
      <c r="C142" s="2" t="s">
        <v>447</v>
      </c>
      <c r="D142" s="2" t="s">
        <v>448</v>
      </c>
      <c r="E142" s="2" t="s">
        <v>389</v>
      </c>
      <c r="F142" s="2" t="s">
        <v>449</v>
      </c>
      <c r="G142" s="3">
        <v>2</v>
      </c>
      <c r="H142" s="2" t="s">
        <v>75</v>
      </c>
      <c r="I142" s="3">
        <v>2010</v>
      </c>
      <c r="J142" s="2" t="s">
        <v>20</v>
      </c>
      <c r="K142" s="2"/>
      <c r="L142" s="2" t="s">
        <v>450</v>
      </c>
    </row>
    <row r="143" spans="1:12" ht="15.2" customHeight="1">
      <c r="A143" s="2" t="s">
        <v>401</v>
      </c>
      <c r="B143" s="2" t="s">
        <v>137</v>
      </c>
      <c r="C143" s="2" t="s">
        <v>387</v>
      </c>
      <c r="D143" s="2" t="s">
        <v>388</v>
      </c>
      <c r="E143" s="2" t="s">
        <v>389</v>
      </c>
      <c r="F143" s="2" t="s">
        <v>390</v>
      </c>
      <c r="G143" s="3">
        <v>1</v>
      </c>
      <c r="H143" s="2" t="s">
        <v>58</v>
      </c>
      <c r="I143" s="3">
        <v>2010</v>
      </c>
      <c r="J143" s="2" t="s">
        <v>20</v>
      </c>
      <c r="K143" s="2"/>
      <c r="L143" s="2" t="s">
        <v>391</v>
      </c>
    </row>
    <row r="144" spans="1:12" ht="15.2" customHeight="1">
      <c r="A144" s="2" t="s">
        <v>401</v>
      </c>
      <c r="B144" s="2" t="s">
        <v>143</v>
      </c>
      <c r="C144" s="2" t="s">
        <v>451</v>
      </c>
      <c r="D144" s="2" t="s">
        <v>452</v>
      </c>
      <c r="E144" s="2" t="s">
        <v>394</v>
      </c>
      <c r="F144" s="2" t="s">
        <v>453</v>
      </c>
      <c r="G144" s="3">
        <v>2</v>
      </c>
      <c r="H144" s="2" t="s">
        <v>31</v>
      </c>
      <c r="I144" s="3">
        <v>2016</v>
      </c>
      <c r="J144" s="2" t="s">
        <v>51</v>
      </c>
      <c r="K144" s="2"/>
      <c r="L144" s="2" t="s">
        <v>454</v>
      </c>
    </row>
    <row r="145" spans="1:12" ht="15.2" customHeight="1">
      <c r="A145" s="2" t="s">
        <v>401</v>
      </c>
      <c r="B145" s="2" t="s">
        <v>148</v>
      </c>
      <c r="C145" s="2" t="s">
        <v>276</v>
      </c>
      <c r="D145" s="2" t="s">
        <v>277</v>
      </c>
      <c r="E145" s="2" t="s">
        <v>278</v>
      </c>
      <c r="F145" s="2" t="s">
        <v>279</v>
      </c>
      <c r="G145" s="3">
        <v>1</v>
      </c>
      <c r="H145" s="2" t="s">
        <v>31</v>
      </c>
      <c r="I145" s="3">
        <v>2018</v>
      </c>
      <c r="J145" s="2" t="s">
        <v>193</v>
      </c>
      <c r="K145" s="2"/>
      <c r="L145" s="2" t="s">
        <v>280</v>
      </c>
    </row>
    <row r="146" spans="1:12" ht="15.2" customHeight="1">
      <c r="A146" s="2" t="s">
        <v>401</v>
      </c>
      <c r="B146" s="2" t="s">
        <v>153</v>
      </c>
      <c r="C146" s="2" t="s">
        <v>271</v>
      </c>
      <c r="D146" s="2" t="s">
        <v>272</v>
      </c>
      <c r="E146" s="2" t="s">
        <v>231</v>
      </c>
      <c r="F146" s="2" t="s">
        <v>273</v>
      </c>
      <c r="G146" s="3">
        <v>4</v>
      </c>
      <c r="H146" s="2" t="s">
        <v>31</v>
      </c>
      <c r="I146" s="3">
        <v>2019</v>
      </c>
      <c r="J146" s="2" t="s">
        <v>193</v>
      </c>
      <c r="K146" s="2"/>
      <c r="L146" s="2" t="s">
        <v>274</v>
      </c>
    </row>
    <row r="147" spans="1:12" ht="15.2" customHeight="1">
      <c r="A147" s="2" t="s">
        <v>401</v>
      </c>
      <c r="B147" s="2" t="s">
        <v>158</v>
      </c>
      <c r="C147" s="2" t="s">
        <v>455</v>
      </c>
      <c r="D147" s="2" t="s">
        <v>456</v>
      </c>
      <c r="E147" s="2" t="s">
        <v>333</v>
      </c>
      <c r="F147" s="2" t="s">
        <v>457</v>
      </c>
      <c r="G147" s="3">
        <v>3</v>
      </c>
      <c r="H147" s="2" t="s">
        <v>335</v>
      </c>
      <c r="I147" s="3">
        <v>2017</v>
      </c>
      <c r="J147" s="2" t="s">
        <v>20</v>
      </c>
      <c r="K147" s="2"/>
      <c r="L147" s="2" t="s">
        <v>458</v>
      </c>
    </row>
    <row r="148" spans="1:12" ht="15.2" customHeight="1">
      <c r="A148" s="2" t="s">
        <v>401</v>
      </c>
      <c r="B148" s="2" t="s">
        <v>164</v>
      </c>
      <c r="C148" s="2" t="s">
        <v>426</v>
      </c>
      <c r="D148" s="2" t="s">
        <v>427</v>
      </c>
      <c r="E148" s="2" t="s">
        <v>293</v>
      </c>
      <c r="F148" s="2" t="s">
        <v>428</v>
      </c>
      <c r="G148" s="3">
        <v>5</v>
      </c>
      <c r="H148" s="2" t="s">
        <v>31</v>
      </c>
      <c r="I148" s="3">
        <v>2019</v>
      </c>
      <c r="J148" s="2" t="s">
        <v>20</v>
      </c>
      <c r="K148" s="2"/>
      <c r="L148" s="2" t="s">
        <v>429</v>
      </c>
    </row>
    <row r="149" spans="1:12" ht="15.2" customHeight="1">
      <c r="A149" s="2" t="s">
        <v>401</v>
      </c>
      <c r="B149" s="2" t="s">
        <v>165</v>
      </c>
      <c r="C149" s="2" t="s">
        <v>367</v>
      </c>
      <c r="D149" s="2" t="s">
        <v>368</v>
      </c>
      <c r="E149" s="2" t="s">
        <v>293</v>
      </c>
      <c r="F149" s="2" t="s">
        <v>369</v>
      </c>
      <c r="G149" s="3">
        <v>4</v>
      </c>
      <c r="H149" s="2" t="s">
        <v>31</v>
      </c>
      <c r="I149" s="3">
        <v>2019</v>
      </c>
      <c r="J149" s="2" t="s">
        <v>20</v>
      </c>
      <c r="K149" s="2"/>
      <c r="L149" s="2" t="s">
        <v>370</v>
      </c>
    </row>
    <row r="150" spans="1:12" ht="15.2" customHeight="1">
      <c r="A150" s="2" t="s">
        <v>401</v>
      </c>
      <c r="B150" s="2" t="s">
        <v>166</v>
      </c>
      <c r="C150" s="2" t="s">
        <v>430</v>
      </c>
      <c r="D150" s="2" t="s">
        <v>431</v>
      </c>
      <c r="E150" s="2" t="s">
        <v>432</v>
      </c>
      <c r="F150" s="2" t="s">
        <v>433</v>
      </c>
      <c r="G150" s="3">
        <v>1</v>
      </c>
      <c r="H150" s="2" t="s">
        <v>31</v>
      </c>
      <c r="I150" s="3">
        <v>2018</v>
      </c>
      <c r="J150" s="2" t="s">
        <v>20</v>
      </c>
      <c r="K150" s="2"/>
      <c r="L150" s="2" t="s">
        <v>434</v>
      </c>
    </row>
    <row r="151" spans="1:12" ht="15.2" customHeight="1">
      <c r="A151" s="2" t="s">
        <v>459</v>
      </c>
      <c r="B151" s="2" t="s">
        <v>14</v>
      </c>
      <c r="C151" s="2" t="s">
        <v>281</v>
      </c>
      <c r="D151" s="2" t="s">
        <v>282</v>
      </c>
      <c r="E151" s="2" t="s">
        <v>278</v>
      </c>
      <c r="F151" s="2" t="s">
        <v>283</v>
      </c>
      <c r="G151" s="3">
        <v>2</v>
      </c>
      <c r="H151" s="2" t="s">
        <v>31</v>
      </c>
      <c r="I151" s="3">
        <v>2018</v>
      </c>
      <c r="J151" s="2" t="s">
        <v>193</v>
      </c>
      <c r="K151" s="2"/>
      <c r="L151" s="2" t="s">
        <v>284</v>
      </c>
    </row>
    <row r="152" spans="1:12" ht="15.2" customHeight="1">
      <c r="A152" s="2" t="s">
        <v>459</v>
      </c>
      <c r="B152" s="2" t="s">
        <v>22</v>
      </c>
      <c r="C152" s="2" t="s">
        <v>276</v>
      </c>
      <c r="D152" s="2" t="s">
        <v>277</v>
      </c>
      <c r="E152" s="2" t="s">
        <v>278</v>
      </c>
      <c r="F152" s="2" t="s">
        <v>279</v>
      </c>
      <c r="G152" s="3">
        <v>1</v>
      </c>
      <c r="H152" s="2" t="s">
        <v>31</v>
      </c>
      <c r="I152" s="3">
        <v>2018</v>
      </c>
      <c r="J152" s="2" t="s">
        <v>193</v>
      </c>
      <c r="K152" s="2"/>
      <c r="L152" s="2" t="s">
        <v>280</v>
      </c>
    </row>
    <row r="153" spans="1:12" ht="15.2" customHeight="1">
      <c r="A153" s="2" t="s">
        <v>459</v>
      </c>
      <c r="B153" s="2" t="s">
        <v>27</v>
      </c>
      <c r="C153" s="2" t="s">
        <v>460</v>
      </c>
      <c r="D153" s="2" t="s">
        <v>461</v>
      </c>
      <c r="E153" s="2" t="s">
        <v>161</v>
      </c>
      <c r="F153" s="2" t="s">
        <v>462</v>
      </c>
      <c r="G153" s="3">
        <v>3</v>
      </c>
      <c r="H153" s="2" t="s">
        <v>93</v>
      </c>
      <c r="I153" s="3">
        <v>2017</v>
      </c>
      <c r="J153" s="2" t="s">
        <v>20</v>
      </c>
      <c r="K153" s="2"/>
      <c r="L153" s="2" t="s">
        <v>463</v>
      </c>
    </row>
    <row r="154" spans="1:12" ht="15.2" customHeight="1">
      <c r="A154" s="2" t="s">
        <v>459</v>
      </c>
      <c r="B154" s="2" t="s">
        <v>243</v>
      </c>
      <c r="C154" s="2"/>
      <c r="D154" s="2" t="s">
        <v>96</v>
      </c>
      <c r="E154" s="2" t="s">
        <v>97</v>
      </c>
      <c r="F154" s="2" t="s">
        <v>98</v>
      </c>
      <c r="G154" s="3">
        <v>1</v>
      </c>
      <c r="H154" s="2" t="s">
        <v>50</v>
      </c>
      <c r="I154" s="3">
        <v>2021</v>
      </c>
      <c r="J154" s="2" t="s">
        <v>20</v>
      </c>
      <c r="K154" s="2"/>
      <c r="L154" s="2" t="s">
        <v>99</v>
      </c>
    </row>
    <row r="155" spans="1:12" ht="15.2" customHeight="1">
      <c r="A155" s="2" t="s">
        <v>459</v>
      </c>
      <c r="B155" s="2" t="s">
        <v>254</v>
      </c>
      <c r="C155" s="2"/>
      <c r="D155" s="2" t="s">
        <v>217</v>
      </c>
      <c r="E155" s="2" t="s">
        <v>97</v>
      </c>
      <c r="F155" s="2" t="s">
        <v>218</v>
      </c>
      <c r="G155" s="3">
        <v>2</v>
      </c>
      <c r="H155" s="2" t="s">
        <v>31</v>
      </c>
      <c r="I155" s="3">
        <v>2021</v>
      </c>
      <c r="J155" s="2" t="s">
        <v>20</v>
      </c>
      <c r="K155" s="2"/>
      <c r="L155" s="2" t="s">
        <v>219</v>
      </c>
    </row>
    <row r="156" spans="1:12" ht="15.2" customHeight="1">
      <c r="A156" s="2" t="s">
        <v>459</v>
      </c>
      <c r="B156" s="2" t="s">
        <v>259</v>
      </c>
      <c r="C156" s="2" t="s">
        <v>464</v>
      </c>
      <c r="D156" s="2" t="s">
        <v>465</v>
      </c>
      <c r="E156" s="2" t="s">
        <v>103</v>
      </c>
      <c r="F156" s="2" t="s">
        <v>466</v>
      </c>
      <c r="G156" s="3">
        <v>14</v>
      </c>
      <c r="H156" s="2" t="s">
        <v>58</v>
      </c>
      <c r="I156" s="3">
        <v>2014</v>
      </c>
      <c r="J156" s="2" t="s">
        <v>20</v>
      </c>
      <c r="K156" s="2"/>
      <c r="L156" s="2" t="s">
        <v>467</v>
      </c>
    </row>
    <row r="157" spans="1:12" ht="15.2" customHeight="1">
      <c r="A157" s="2" t="s">
        <v>459</v>
      </c>
      <c r="B157" s="2" t="s">
        <v>264</v>
      </c>
      <c r="C157" s="2" t="s">
        <v>406</v>
      </c>
      <c r="D157" s="2" t="s">
        <v>407</v>
      </c>
      <c r="E157" s="2" t="s">
        <v>103</v>
      </c>
      <c r="F157" s="2" t="s">
        <v>408</v>
      </c>
      <c r="G157" s="3">
        <v>13</v>
      </c>
      <c r="H157" s="2" t="s">
        <v>58</v>
      </c>
      <c r="I157" s="3">
        <v>2014</v>
      </c>
      <c r="J157" s="2" t="s">
        <v>20</v>
      </c>
      <c r="K157" s="2"/>
      <c r="L157" s="2" t="s">
        <v>409</v>
      </c>
    </row>
    <row r="158" spans="1:12" ht="15.2" customHeight="1">
      <c r="A158" s="2" t="s">
        <v>459</v>
      </c>
      <c r="B158" s="2" t="s">
        <v>269</v>
      </c>
      <c r="C158" s="2" t="s">
        <v>468</v>
      </c>
      <c r="D158" s="2" t="s">
        <v>469</v>
      </c>
      <c r="E158" s="2" t="s">
        <v>321</v>
      </c>
      <c r="F158" s="2" t="s">
        <v>470</v>
      </c>
      <c r="G158" s="3">
        <v>1</v>
      </c>
      <c r="H158" s="2" t="s">
        <v>75</v>
      </c>
      <c r="I158" s="3">
        <v>2010</v>
      </c>
      <c r="J158" s="2" t="s">
        <v>20</v>
      </c>
      <c r="K158" s="2"/>
      <c r="L158" s="2" t="s">
        <v>471</v>
      </c>
    </row>
    <row r="159" spans="1:12" ht="15.2" customHeight="1">
      <c r="A159" s="2" t="s">
        <v>459</v>
      </c>
      <c r="B159" s="2" t="s">
        <v>270</v>
      </c>
      <c r="C159" s="2" t="s">
        <v>472</v>
      </c>
      <c r="D159" s="2" t="s">
        <v>473</v>
      </c>
      <c r="E159" s="2" t="s">
        <v>321</v>
      </c>
      <c r="F159" s="2" t="s">
        <v>474</v>
      </c>
      <c r="G159" s="3">
        <v>2</v>
      </c>
      <c r="H159" s="2" t="s">
        <v>75</v>
      </c>
      <c r="I159" s="3">
        <v>2010</v>
      </c>
      <c r="J159" s="2" t="s">
        <v>20</v>
      </c>
      <c r="K159" s="2"/>
      <c r="L159" s="2" t="s">
        <v>475</v>
      </c>
    </row>
    <row r="160" spans="1:12" ht="15.2" customHeight="1">
      <c r="A160" s="2" t="s">
        <v>459</v>
      </c>
      <c r="B160" s="2" t="s">
        <v>275</v>
      </c>
      <c r="C160" s="2" t="s">
        <v>476</v>
      </c>
      <c r="D160" s="2" t="s">
        <v>477</v>
      </c>
      <c r="E160" s="2" t="s">
        <v>321</v>
      </c>
      <c r="F160" s="2" t="s">
        <v>478</v>
      </c>
      <c r="G160" s="3">
        <v>3</v>
      </c>
      <c r="H160" s="2" t="s">
        <v>75</v>
      </c>
      <c r="I160" s="3">
        <v>2010</v>
      </c>
      <c r="J160" s="2" t="s">
        <v>20</v>
      </c>
      <c r="K160" s="2"/>
      <c r="L160" s="2" t="s">
        <v>479</v>
      </c>
    </row>
    <row r="161" spans="1:12" ht="15.2" customHeight="1">
      <c r="A161" s="2" t="s">
        <v>459</v>
      </c>
      <c r="B161" s="2" t="s">
        <v>83</v>
      </c>
      <c r="C161" s="2" t="s">
        <v>480</v>
      </c>
      <c r="D161" s="2" t="s">
        <v>481</v>
      </c>
      <c r="E161" s="2" t="s">
        <v>389</v>
      </c>
      <c r="F161" s="2" t="s">
        <v>482</v>
      </c>
      <c r="G161" s="3">
        <v>3</v>
      </c>
      <c r="H161" s="2" t="s">
        <v>58</v>
      </c>
      <c r="I161" s="3">
        <v>2010</v>
      </c>
      <c r="J161" s="2" t="s">
        <v>20</v>
      </c>
      <c r="K161" s="2"/>
      <c r="L161" s="2" t="s">
        <v>483</v>
      </c>
    </row>
    <row r="162" spans="1:12" ht="15.2" customHeight="1">
      <c r="A162" s="2" t="s">
        <v>459</v>
      </c>
      <c r="B162" s="2" t="s">
        <v>285</v>
      </c>
      <c r="C162" s="2" t="s">
        <v>484</v>
      </c>
      <c r="D162" s="2" t="s">
        <v>485</v>
      </c>
      <c r="E162" s="2" t="s">
        <v>389</v>
      </c>
      <c r="F162" s="2" t="s">
        <v>486</v>
      </c>
      <c r="G162" s="3">
        <v>4</v>
      </c>
      <c r="H162" s="2" t="s">
        <v>58</v>
      </c>
      <c r="I162" s="3">
        <v>2010</v>
      </c>
      <c r="J162" s="2" t="s">
        <v>20</v>
      </c>
      <c r="K162" s="2"/>
      <c r="L162" s="2" t="s">
        <v>487</v>
      </c>
    </row>
    <row r="163" spans="1:12" ht="15.2" customHeight="1">
      <c r="A163" s="2" t="s">
        <v>459</v>
      </c>
      <c r="B163" s="2" t="s">
        <v>290</v>
      </c>
      <c r="C163" s="2" t="s">
        <v>488</v>
      </c>
      <c r="D163" s="2" t="s">
        <v>489</v>
      </c>
      <c r="E163" s="2" t="s">
        <v>293</v>
      </c>
      <c r="F163" s="2" t="s">
        <v>490</v>
      </c>
      <c r="G163" s="3">
        <v>6</v>
      </c>
      <c r="H163" s="2" t="s">
        <v>31</v>
      </c>
      <c r="I163" s="3">
        <v>2019</v>
      </c>
      <c r="J163" s="2" t="s">
        <v>20</v>
      </c>
      <c r="K163" s="2"/>
      <c r="L163" s="2" t="s">
        <v>491</v>
      </c>
    </row>
    <row r="164" spans="1:12" ht="15.2" customHeight="1">
      <c r="A164" s="2" t="s">
        <v>459</v>
      </c>
      <c r="B164" s="2" t="s">
        <v>296</v>
      </c>
      <c r="C164" s="2" t="s">
        <v>426</v>
      </c>
      <c r="D164" s="2" t="s">
        <v>427</v>
      </c>
      <c r="E164" s="2" t="s">
        <v>293</v>
      </c>
      <c r="F164" s="2" t="s">
        <v>428</v>
      </c>
      <c r="G164" s="3">
        <v>5</v>
      </c>
      <c r="H164" s="2" t="s">
        <v>31</v>
      </c>
      <c r="I164" s="3">
        <v>2019</v>
      </c>
      <c r="J164" s="2" t="s">
        <v>20</v>
      </c>
      <c r="K164" s="2"/>
      <c r="L164" s="2" t="s">
        <v>429</v>
      </c>
    </row>
    <row r="165" spans="1:12" ht="15.2" customHeight="1">
      <c r="A165" s="2" t="s">
        <v>459</v>
      </c>
      <c r="B165" s="2" t="s">
        <v>301</v>
      </c>
      <c r="C165" s="2" t="s">
        <v>464</v>
      </c>
      <c r="D165" s="2" t="s">
        <v>465</v>
      </c>
      <c r="E165" s="2" t="s">
        <v>103</v>
      </c>
      <c r="F165" s="2" t="s">
        <v>466</v>
      </c>
      <c r="G165" s="3">
        <v>14</v>
      </c>
      <c r="H165" s="2" t="s">
        <v>58</v>
      </c>
      <c r="I165" s="3">
        <v>2014</v>
      </c>
      <c r="J165" s="2" t="s">
        <v>20</v>
      </c>
      <c r="K165" s="2"/>
      <c r="L165" s="2" t="s">
        <v>467</v>
      </c>
    </row>
    <row r="166" spans="1:12" ht="15.2" customHeight="1">
      <c r="A166" s="2" t="s">
        <v>459</v>
      </c>
      <c r="B166" s="2" t="s">
        <v>302</v>
      </c>
      <c r="C166" s="2" t="s">
        <v>406</v>
      </c>
      <c r="D166" s="2" t="s">
        <v>407</v>
      </c>
      <c r="E166" s="2" t="s">
        <v>103</v>
      </c>
      <c r="F166" s="2" t="s">
        <v>408</v>
      </c>
      <c r="G166" s="3">
        <v>13</v>
      </c>
      <c r="H166" s="2" t="s">
        <v>58</v>
      </c>
      <c r="I166" s="3">
        <v>2014</v>
      </c>
      <c r="J166" s="2" t="s">
        <v>20</v>
      </c>
      <c r="K166" s="2"/>
      <c r="L166" s="2" t="s">
        <v>409</v>
      </c>
    </row>
    <row r="167" spans="1:12" ht="15.2" customHeight="1">
      <c r="A167" s="2" t="s">
        <v>459</v>
      </c>
      <c r="B167" s="2" t="s">
        <v>111</v>
      </c>
      <c r="C167" s="2"/>
      <c r="D167" s="2" t="s">
        <v>492</v>
      </c>
      <c r="E167" s="2" t="s">
        <v>97</v>
      </c>
      <c r="F167" s="2" t="s">
        <v>493</v>
      </c>
      <c r="G167" s="3">
        <v>3</v>
      </c>
      <c r="H167" s="2" t="s">
        <v>31</v>
      </c>
      <c r="I167" s="3">
        <v>2021</v>
      </c>
      <c r="J167" s="2" t="s">
        <v>20</v>
      </c>
      <c r="K167" s="2"/>
      <c r="L167" s="2" t="s">
        <v>494</v>
      </c>
    </row>
    <row r="168" spans="1:12" ht="15.2" customHeight="1">
      <c r="A168" s="2" t="s">
        <v>459</v>
      </c>
      <c r="B168" s="2" t="s">
        <v>307</v>
      </c>
      <c r="C168" s="2"/>
      <c r="D168" s="2" t="s">
        <v>495</v>
      </c>
      <c r="E168" s="2" t="s">
        <v>97</v>
      </c>
      <c r="F168" s="2" t="s">
        <v>496</v>
      </c>
      <c r="G168" s="3">
        <v>4</v>
      </c>
      <c r="H168" s="2" t="s">
        <v>31</v>
      </c>
      <c r="I168" s="3">
        <v>2021</v>
      </c>
      <c r="J168" s="2" t="s">
        <v>20</v>
      </c>
      <c r="K168" s="2"/>
      <c r="L168" s="2" t="s">
        <v>497</v>
      </c>
    </row>
    <row r="169" spans="1:12" ht="15.2" customHeight="1">
      <c r="A169" s="2" t="s">
        <v>459</v>
      </c>
      <c r="B169" s="2" t="s">
        <v>121</v>
      </c>
      <c r="C169" s="2" t="s">
        <v>498</v>
      </c>
      <c r="D169" s="2" t="s">
        <v>499</v>
      </c>
      <c r="E169" s="2" t="s">
        <v>103</v>
      </c>
      <c r="F169" s="2" t="s">
        <v>500</v>
      </c>
      <c r="G169" s="3">
        <v>19</v>
      </c>
      <c r="H169" s="2" t="s">
        <v>19</v>
      </c>
      <c r="I169" s="3">
        <v>2019</v>
      </c>
      <c r="J169" s="2" t="s">
        <v>20</v>
      </c>
      <c r="K169" s="2"/>
      <c r="L169" s="2" t="s">
        <v>501</v>
      </c>
    </row>
    <row r="170" spans="1:12" ht="15.2" customHeight="1">
      <c r="A170" s="2" t="s">
        <v>459</v>
      </c>
      <c r="B170" s="2" t="s">
        <v>127</v>
      </c>
      <c r="C170" s="2" t="s">
        <v>502</v>
      </c>
      <c r="D170" s="2" t="s">
        <v>503</v>
      </c>
      <c r="E170" s="2" t="s">
        <v>103</v>
      </c>
      <c r="F170" s="2" t="s">
        <v>504</v>
      </c>
      <c r="G170" s="3">
        <v>20</v>
      </c>
      <c r="H170" s="2" t="s">
        <v>19</v>
      </c>
      <c r="I170" s="3">
        <v>2019</v>
      </c>
      <c r="J170" s="2" t="s">
        <v>20</v>
      </c>
      <c r="K170" s="2"/>
      <c r="L170" s="2" t="s">
        <v>505</v>
      </c>
    </row>
    <row r="171" spans="1:12" ht="15.2" customHeight="1">
      <c r="A171" s="2" t="s">
        <v>459</v>
      </c>
      <c r="B171" s="2" t="s">
        <v>132</v>
      </c>
      <c r="C171" s="2" t="s">
        <v>506</v>
      </c>
      <c r="D171" s="2" t="s">
        <v>507</v>
      </c>
      <c r="E171" s="2" t="s">
        <v>321</v>
      </c>
      <c r="F171" s="2" t="s">
        <v>508</v>
      </c>
      <c r="G171" s="3">
        <v>7</v>
      </c>
      <c r="H171" s="2" t="s">
        <v>75</v>
      </c>
      <c r="I171" s="3">
        <v>2010</v>
      </c>
      <c r="J171" s="2" t="s">
        <v>20</v>
      </c>
      <c r="K171" s="2"/>
      <c r="L171" s="2" t="s">
        <v>509</v>
      </c>
    </row>
    <row r="172" spans="1:12" ht="15.2" customHeight="1">
      <c r="A172" s="2" t="s">
        <v>459</v>
      </c>
      <c r="B172" s="2" t="s">
        <v>137</v>
      </c>
      <c r="C172" s="2" t="s">
        <v>447</v>
      </c>
      <c r="D172" s="2" t="s">
        <v>448</v>
      </c>
      <c r="E172" s="2" t="s">
        <v>389</v>
      </c>
      <c r="F172" s="2" t="s">
        <v>449</v>
      </c>
      <c r="G172" s="3">
        <v>2</v>
      </c>
      <c r="H172" s="2" t="s">
        <v>75</v>
      </c>
      <c r="I172" s="3">
        <v>2010</v>
      </c>
      <c r="J172" s="2" t="s">
        <v>20</v>
      </c>
      <c r="K172" s="2"/>
      <c r="L172" s="2" t="s">
        <v>450</v>
      </c>
    </row>
    <row r="173" spans="1:12" ht="15.2" customHeight="1">
      <c r="A173" s="2" t="s">
        <v>459</v>
      </c>
      <c r="B173" s="2" t="s">
        <v>143</v>
      </c>
      <c r="C173" s="2" t="s">
        <v>510</v>
      </c>
      <c r="D173" s="2" t="s">
        <v>511</v>
      </c>
      <c r="E173" s="2" t="s">
        <v>321</v>
      </c>
      <c r="F173" s="2" t="s">
        <v>512</v>
      </c>
      <c r="G173" s="3">
        <v>5</v>
      </c>
      <c r="H173" s="2" t="s">
        <v>75</v>
      </c>
      <c r="I173" s="3">
        <v>2009</v>
      </c>
      <c r="J173" s="2" t="s">
        <v>20</v>
      </c>
      <c r="K173" s="2"/>
      <c r="L173" s="2" t="s">
        <v>323</v>
      </c>
    </row>
    <row r="174" spans="1:12" ht="15.2" customHeight="1">
      <c r="A174" s="2" t="s">
        <v>459</v>
      </c>
      <c r="B174" s="2" t="s">
        <v>148</v>
      </c>
      <c r="C174" s="2" t="s">
        <v>281</v>
      </c>
      <c r="D174" s="2" t="s">
        <v>282</v>
      </c>
      <c r="E174" s="2" t="s">
        <v>278</v>
      </c>
      <c r="F174" s="2" t="s">
        <v>283</v>
      </c>
      <c r="G174" s="3">
        <v>2</v>
      </c>
      <c r="H174" s="2" t="s">
        <v>31</v>
      </c>
      <c r="I174" s="3">
        <v>2018</v>
      </c>
      <c r="J174" s="2" t="s">
        <v>193</v>
      </c>
      <c r="K174" s="2"/>
      <c r="L174" s="2" t="s">
        <v>284</v>
      </c>
    </row>
    <row r="175" spans="1:12" ht="15.2" customHeight="1">
      <c r="A175" s="2" t="s">
        <v>459</v>
      </c>
      <c r="B175" s="2" t="s">
        <v>153</v>
      </c>
      <c r="C175" s="2" t="s">
        <v>276</v>
      </c>
      <c r="D175" s="2" t="s">
        <v>277</v>
      </c>
      <c r="E175" s="2" t="s">
        <v>278</v>
      </c>
      <c r="F175" s="2" t="s">
        <v>279</v>
      </c>
      <c r="G175" s="3">
        <v>1</v>
      </c>
      <c r="H175" s="2" t="s">
        <v>31</v>
      </c>
      <c r="I175" s="3">
        <v>2018</v>
      </c>
      <c r="J175" s="2" t="s">
        <v>193</v>
      </c>
      <c r="K175" s="2"/>
      <c r="L175" s="2" t="s">
        <v>280</v>
      </c>
    </row>
    <row r="176" spans="1:12" ht="15.2" customHeight="1">
      <c r="A176" s="2" t="s">
        <v>459</v>
      </c>
      <c r="B176" s="2" t="s">
        <v>158</v>
      </c>
      <c r="C176" s="2" t="s">
        <v>513</v>
      </c>
      <c r="D176" s="2" t="s">
        <v>514</v>
      </c>
      <c r="E176" s="2" t="s">
        <v>333</v>
      </c>
      <c r="F176" s="2" t="s">
        <v>515</v>
      </c>
      <c r="G176" s="3">
        <v>4</v>
      </c>
      <c r="H176" s="2" t="s">
        <v>335</v>
      </c>
      <c r="I176" s="3">
        <v>2017</v>
      </c>
      <c r="J176" s="2" t="s">
        <v>20</v>
      </c>
      <c r="K176" s="2"/>
      <c r="L176" s="2" t="s">
        <v>516</v>
      </c>
    </row>
    <row r="177" spans="1:12" ht="15.2" customHeight="1">
      <c r="A177" s="2" t="s">
        <v>459</v>
      </c>
      <c r="B177" s="2" t="s">
        <v>164</v>
      </c>
      <c r="C177" s="2" t="s">
        <v>488</v>
      </c>
      <c r="D177" s="2" t="s">
        <v>489</v>
      </c>
      <c r="E177" s="2" t="s">
        <v>293</v>
      </c>
      <c r="F177" s="2" t="s">
        <v>490</v>
      </c>
      <c r="G177" s="3">
        <v>6</v>
      </c>
      <c r="H177" s="2" t="s">
        <v>31</v>
      </c>
      <c r="I177" s="3">
        <v>2019</v>
      </c>
      <c r="J177" s="2" t="s">
        <v>20</v>
      </c>
      <c r="K177" s="2"/>
      <c r="L177" s="2" t="s">
        <v>491</v>
      </c>
    </row>
    <row r="178" spans="1:12" ht="15.2" customHeight="1">
      <c r="A178" s="2" t="s">
        <v>459</v>
      </c>
      <c r="B178" s="2" t="s">
        <v>165</v>
      </c>
      <c r="C178" s="2" t="s">
        <v>426</v>
      </c>
      <c r="D178" s="2" t="s">
        <v>427</v>
      </c>
      <c r="E178" s="2" t="s">
        <v>293</v>
      </c>
      <c r="F178" s="2" t="s">
        <v>428</v>
      </c>
      <c r="G178" s="3">
        <v>5</v>
      </c>
      <c r="H178" s="2" t="s">
        <v>31</v>
      </c>
      <c r="I178" s="3">
        <v>2019</v>
      </c>
      <c r="J178" s="2" t="s">
        <v>20</v>
      </c>
      <c r="K178" s="2"/>
      <c r="L178" s="2" t="s">
        <v>429</v>
      </c>
    </row>
    <row r="179" spans="1:12" ht="15.2" customHeight="1">
      <c r="A179" s="2" t="s">
        <v>459</v>
      </c>
      <c r="B179" s="2" t="s">
        <v>166</v>
      </c>
      <c r="C179" s="2"/>
      <c r="D179" s="2" t="s">
        <v>492</v>
      </c>
      <c r="E179" s="2" t="s">
        <v>97</v>
      </c>
      <c r="F179" s="2" t="s">
        <v>493</v>
      </c>
      <c r="G179" s="3">
        <v>3</v>
      </c>
      <c r="H179" s="2" t="s">
        <v>31</v>
      </c>
      <c r="I179" s="3">
        <v>2021</v>
      </c>
      <c r="J179" s="2" t="s">
        <v>20</v>
      </c>
      <c r="K179" s="2"/>
      <c r="L179" s="2" t="s">
        <v>494</v>
      </c>
    </row>
    <row r="180" spans="1:12" ht="15.2" customHeight="1">
      <c r="A180" s="2" t="s">
        <v>517</v>
      </c>
      <c r="B180" s="2" t="s">
        <v>14</v>
      </c>
      <c r="C180" s="2" t="s">
        <v>286</v>
      </c>
      <c r="D180" s="2" t="s">
        <v>287</v>
      </c>
      <c r="E180" s="2" t="s">
        <v>278</v>
      </c>
      <c r="F180" s="2" t="s">
        <v>288</v>
      </c>
      <c r="G180" s="3">
        <v>3</v>
      </c>
      <c r="H180" s="2" t="s">
        <v>31</v>
      </c>
      <c r="I180" s="3">
        <v>2018</v>
      </c>
      <c r="J180" s="2" t="s">
        <v>193</v>
      </c>
      <c r="K180" s="2"/>
      <c r="L180" s="2" t="s">
        <v>289</v>
      </c>
    </row>
    <row r="181" spans="1:12" ht="15.2" customHeight="1">
      <c r="A181" s="2" t="s">
        <v>517</v>
      </c>
      <c r="B181" s="2" t="s">
        <v>22</v>
      </c>
      <c r="C181" s="2" t="s">
        <v>281</v>
      </c>
      <c r="D181" s="2" t="s">
        <v>282</v>
      </c>
      <c r="E181" s="2" t="s">
        <v>278</v>
      </c>
      <c r="F181" s="2" t="s">
        <v>283</v>
      </c>
      <c r="G181" s="3">
        <v>2</v>
      </c>
      <c r="H181" s="2" t="s">
        <v>31</v>
      </c>
      <c r="I181" s="3">
        <v>2018</v>
      </c>
      <c r="J181" s="2" t="s">
        <v>193</v>
      </c>
      <c r="K181" s="2"/>
      <c r="L181" s="2" t="s">
        <v>284</v>
      </c>
    </row>
    <row r="182" spans="1:12" ht="15.2" customHeight="1">
      <c r="A182" s="2" t="s">
        <v>517</v>
      </c>
      <c r="B182" s="2" t="s">
        <v>27</v>
      </c>
      <c r="C182" s="2" t="s">
        <v>518</v>
      </c>
      <c r="D182" s="2" t="s">
        <v>519</v>
      </c>
      <c r="E182" s="2" t="s">
        <v>161</v>
      </c>
      <c r="F182" s="2" t="s">
        <v>520</v>
      </c>
      <c r="G182" s="3">
        <v>4</v>
      </c>
      <c r="H182" s="2" t="s">
        <v>93</v>
      </c>
      <c r="I182" s="3">
        <v>2017</v>
      </c>
      <c r="J182" s="2" t="s">
        <v>20</v>
      </c>
      <c r="K182" s="2"/>
      <c r="L182" s="2" t="s">
        <v>521</v>
      </c>
    </row>
    <row r="183" spans="1:12" ht="15.2" customHeight="1">
      <c r="A183" s="2" t="s">
        <v>517</v>
      </c>
      <c r="B183" s="2" t="s">
        <v>243</v>
      </c>
      <c r="C183" s="2" t="s">
        <v>54</v>
      </c>
      <c r="D183" s="2" t="s">
        <v>55</v>
      </c>
      <c r="E183" s="2" t="s">
        <v>56</v>
      </c>
      <c r="F183" s="2" t="s">
        <v>57</v>
      </c>
      <c r="G183" s="3">
        <v>10</v>
      </c>
      <c r="H183" s="2" t="s">
        <v>58</v>
      </c>
      <c r="I183" s="3">
        <v>2014</v>
      </c>
      <c r="J183" s="2" t="s">
        <v>20</v>
      </c>
      <c r="K183" s="2"/>
      <c r="L183" s="2" t="s">
        <v>59</v>
      </c>
    </row>
    <row r="184" spans="1:12" ht="15.2" customHeight="1">
      <c r="A184" s="2" t="s">
        <v>517</v>
      </c>
      <c r="B184" s="2" t="s">
        <v>249</v>
      </c>
      <c r="C184" s="2" t="s">
        <v>61</v>
      </c>
      <c r="D184" s="2" t="s">
        <v>62</v>
      </c>
      <c r="E184" s="2" t="s">
        <v>56</v>
      </c>
      <c r="F184" s="2" t="s">
        <v>63</v>
      </c>
      <c r="G184" s="3">
        <v>11</v>
      </c>
      <c r="H184" s="2" t="s">
        <v>58</v>
      </c>
      <c r="I184" s="3">
        <v>2014</v>
      </c>
      <c r="J184" s="2" t="s">
        <v>20</v>
      </c>
      <c r="K184" s="2"/>
      <c r="L184" s="2" t="s">
        <v>64</v>
      </c>
    </row>
    <row r="185" spans="1:12" ht="15.2" customHeight="1">
      <c r="A185" s="2" t="s">
        <v>517</v>
      </c>
      <c r="B185" s="2" t="s">
        <v>254</v>
      </c>
      <c r="C185" s="2" t="s">
        <v>66</v>
      </c>
      <c r="D185" s="2" t="s">
        <v>67</v>
      </c>
      <c r="E185" s="2" t="s">
        <v>56</v>
      </c>
      <c r="F185" s="2" t="s">
        <v>68</v>
      </c>
      <c r="G185" s="3">
        <v>12</v>
      </c>
      <c r="H185" s="2" t="s">
        <v>58</v>
      </c>
      <c r="I185" s="3">
        <v>2014</v>
      </c>
      <c r="J185" s="2" t="s">
        <v>20</v>
      </c>
      <c r="K185" s="2"/>
      <c r="L185" s="2" t="s">
        <v>69</v>
      </c>
    </row>
    <row r="186" spans="1:12" ht="15.2" customHeight="1">
      <c r="A186" s="2" t="s">
        <v>517</v>
      </c>
      <c r="B186" s="2" t="s">
        <v>259</v>
      </c>
      <c r="C186" s="2" t="s">
        <v>522</v>
      </c>
      <c r="D186" s="2" t="s">
        <v>523</v>
      </c>
      <c r="E186" s="2" t="s">
        <v>103</v>
      </c>
      <c r="F186" s="2" t="s">
        <v>524</v>
      </c>
      <c r="G186" s="3">
        <v>15</v>
      </c>
      <c r="H186" s="2" t="s">
        <v>58</v>
      </c>
      <c r="I186" s="3">
        <v>2014</v>
      </c>
      <c r="J186" s="2" t="s">
        <v>20</v>
      </c>
      <c r="K186" s="2"/>
      <c r="L186" s="2" t="s">
        <v>525</v>
      </c>
    </row>
    <row r="187" spans="1:12" ht="15.2" customHeight="1">
      <c r="A187" s="2" t="s">
        <v>517</v>
      </c>
      <c r="B187" s="2" t="s">
        <v>264</v>
      </c>
      <c r="C187" s="2" t="s">
        <v>464</v>
      </c>
      <c r="D187" s="2" t="s">
        <v>465</v>
      </c>
      <c r="E187" s="2" t="s">
        <v>103</v>
      </c>
      <c r="F187" s="2" t="s">
        <v>466</v>
      </c>
      <c r="G187" s="3">
        <v>14</v>
      </c>
      <c r="H187" s="2" t="s">
        <v>58</v>
      </c>
      <c r="I187" s="3">
        <v>2014</v>
      </c>
      <c r="J187" s="2" t="s">
        <v>20</v>
      </c>
      <c r="K187" s="2"/>
      <c r="L187" s="2" t="s">
        <v>467</v>
      </c>
    </row>
    <row r="188" spans="1:12" ht="15.2" customHeight="1">
      <c r="A188" s="2" t="s">
        <v>517</v>
      </c>
      <c r="B188" s="2" t="s">
        <v>269</v>
      </c>
      <c r="C188" s="2" t="s">
        <v>526</v>
      </c>
      <c r="D188" s="2" t="s">
        <v>527</v>
      </c>
      <c r="E188" s="2" t="s">
        <v>528</v>
      </c>
      <c r="F188" s="2" t="s">
        <v>529</v>
      </c>
      <c r="G188" s="3">
        <v>3</v>
      </c>
      <c r="H188" s="2" t="s">
        <v>50</v>
      </c>
      <c r="I188" s="3">
        <v>2019</v>
      </c>
      <c r="J188" s="2" t="s">
        <v>76</v>
      </c>
      <c r="K188" s="2"/>
      <c r="L188" s="2" t="s">
        <v>530</v>
      </c>
    </row>
    <row r="189" spans="1:12" ht="15.2" customHeight="1">
      <c r="A189" s="2" t="s">
        <v>517</v>
      </c>
      <c r="B189" s="2" t="s">
        <v>270</v>
      </c>
      <c r="C189" s="2" t="s">
        <v>531</v>
      </c>
      <c r="D189" s="2" t="s">
        <v>532</v>
      </c>
      <c r="E189" s="2" t="s">
        <v>528</v>
      </c>
      <c r="F189" s="2" t="s">
        <v>533</v>
      </c>
      <c r="G189" s="3">
        <v>4</v>
      </c>
      <c r="H189" s="2" t="s">
        <v>50</v>
      </c>
      <c r="I189" s="3">
        <v>2019</v>
      </c>
      <c r="J189" s="2" t="s">
        <v>76</v>
      </c>
      <c r="K189" s="2"/>
      <c r="L189" s="2" t="s">
        <v>534</v>
      </c>
    </row>
    <row r="190" spans="1:12" ht="15.2" customHeight="1">
      <c r="A190" s="2" t="s">
        <v>517</v>
      </c>
      <c r="B190" s="2" t="s">
        <v>535</v>
      </c>
      <c r="C190" s="2" t="s">
        <v>536</v>
      </c>
      <c r="D190" s="2" t="s">
        <v>537</v>
      </c>
      <c r="E190" s="2" t="s">
        <v>538</v>
      </c>
      <c r="F190" s="2" t="s">
        <v>538</v>
      </c>
      <c r="G190" s="3">
        <v>1</v>
      </c>
      <c r="H190" s="2" t="s">
        <v>31</v>
      </c>
      <c r="I190" s="3">
        <v>2018</v>
      </c>
      <c r="J190" s="2" t="s">
        <v>20</v>
      </c>
      <c r="K190" s="2"/>
      <c r="L190" s="2" t="s">
        <v>539</v>
      </c>
    </row>
    <row r="191" spans="1:12" ht="15.2" customHeight="1">
      <c r="A191" s="2" t="s">
        <v>517</v>
      </c>
      <c r="B191" s="2" t="s">
        <v>83</v>
      </c>
      <c r="C191" s="2" t="s">
        <v>540</v>
      </c>
      <c r="D191" s="2" t="s">
        <v>541</v>
      </c>
      <c r="E191" s="2" t="s">
        <v>542</v>
      </c>
      <c r="F191" s="2" t="s">
        <v>542</v>
      </c>
      <c r="G191" s="3">
        <v>1</v>
      </c>
      <c r="H191" s="2" t="s">
        <v>31</v>
      </c>
      <c r="I191" s="3">
        <v>2019</v>
      </c>
      <c r="J191" s="2" t="s">
        <v>20</v>
      </c>
      <c r="K191" s="2"/>
      <c r="L191" s="2" t="s">
        <v>543</v>
      </c>
    </row>
    <row r="192" spans="1:12" ht="15.2" customHeight="1">
      <c r="A192" s="2" t="s">
        <v>517</v>
      </c>
      <c r="B192" s="2" t="s">
        <v>285</v>
      </c>
      <c r="C192" s="2" t="s">
        <v>544</v>
      </c>
      <c r="D192" s="2" t="s">
        <v>545</v>
      </c>
      <c r="E192" s="2" t="s">
        <v>546</v>
      </c>
      <c r="F192" s="2" t="s">
        <v>547</v>
      </c>
      <c r="G192" s="3">
        <v>1</v>
      </c>
      <c r="H192" s="2" t="s">
        <v>50</v>
      </c>
      <c r="I192" s="3">
        <v>2019</v>
      </c>
      <c r="J192" s="2" t="s">
        <v>20</v>
      </c>
      <c r="K192" s="2"/>
      <c r="L192" s="2" t="s">
        <v>548</v>
      </c>
    </row>
    <row r="193" spans="1:12" ht="15.2" customHeight="1">
      <c r="A193" s="2" t="s">
        <v>517</v>
      </c>
      <c r="B193" s="2" t="s">
        <v>290</v>
      </c>
      <c r="C193" s="2" t="s">
        <v>549</v>
      </c>
      <c r="D193" s="2" t="s">
        <v>550</v>
      </c>
      <c r="E193" s="2" t="s">
        <v>551</v>
      </c>
      <c r="F193" s="2" t="s">
        <v>552</v>
      </c>
      <c r="G193" s="3">
        <v>1</v>
      </c>
      <c r="H193" s="2" t="s">
        <v>19</v>
      </c>
      <c r="I193" s="3">
        <v>2018</v>
      </c>
      <c r="J193" s="2" t="s">
        <v>20</v>
      </c>
      <c r="K193" s="2"/>
      <c r="L193" s="2" t="s">
        <v>553</v>
      </c>
    </row>
    <row r="194" spans="1:12" ht="15.2" customHeight="1">
      <c r="A194" s="2" t="s">
        <v>517</v>
      </c>
      <c r="B194" s="2" t="s">
        <v>296</v>
      </c>
      <c r="C194" s="2" t="s">
        <v>488</v>
      </c>
      <c r="D194" s="2" t="s">
        <v>489</v>
      </c>
      <c r="E194" s="2" t="s">
        <v>293</v>
      </c>
      <c r="F194" s="2" t="s">
        <v>490</v>
      </c>
      <c r="G194" s="3">
        <v>6</v>
      </c>
      <c r="H194" s="2" t="s">
        <v>31</v>
      </c>
      <c r="I194" s="3">
        <v>2019</v>
      </c>
      <c r="J194" s="2" t="s">
        <v>20</v>
      </c>
      <c r="K194" s="2"/>
      <c r="L194" s="2" t="s">
        <v>491</v>
      </c>
    </row>
    <row r="195" spans="1:12" ht="15.2" customHeight="1">
      <c r="A195" s="2" t="s">
        <v>517</v>
      </c>
      <c r="B195" s="2" t="s">
        <v>301</v>
      </c>
      <c r="C195" s="2" t="s">
        <v>522</v>
      </c>
      <c r="D195" s="2" t="s">
        <v>523</v>
      </c>
      <c r="E195" s="2" t="s">
        <v>103</v>
      </c>
      <c r="F195" s="2" t="s">
        <v>524</v>
      </c>
      <c r="G195" s="3">
        <v>15</v>
      </c>
      <c r="H195" s="2" t="s">
        <v>58</v>
      </c>
      <c r="I195" s="3">
        <v>2014</v>
      </c>
      <c r="J195" s="2" t="s">
        <v>20</v>
      </c>
      <c r="K195" s="2"/>
      <c r="L195" s="2" t="s">
        <v>525</v>
      </c>
    </row>
    <row r="196" spans="1:12" ht="15.2" customHeight="1">
      <c r="A196" s="2" t="s">
        <v>517</v>
      </c>
      <c r="B196" s="2" t="s">
        <v>302</v>
      </c>
      <c r="C196" s="2" t="s">
        <v>464</v>
      </c>
      <c r="D196" s="2" t="s">
        <v>465</v>
      </c>
      <c r="E196" s="2" t="s">
        <v>103</v>
      </c>
      <c r="F196" s="2" t="s">
        <v>466</v>
      </c>
      <c r="G196" s="3">
        <v>14</v>
      </c>
      <c r="H196" s="2" t="s">
        <v>58</v>
      </c>
      <c r="I196" s="3">
        <v>2014</v>
      </c>
      <c r="J196" s="2" t="s">
        <v>20</v>
      </c>
      <c r="K196" s="2"/>
      <c r="L196" s="2" t="s">
        <v>467</v>
      </c>
    </row>
    <row r="197" spans="1:12" ht="15.2" customHeight="1">
      <c r="A197" s="2" t="s">
        <v>517</v>
      </c>
      <c r="B197" s="2" t="s">
        <v>111</v>
      </c>
      <c r="C197" s="2" t="s">
        <v>554</v>
      </c>
      <c r="D197" s="2" t="s">
        <v>555</v>
      </c>
      <c r="E197" s="2" t="s">
        <v>556</v>
      </c>
      <c r="F197" s="2" t="s">
        <v>557</v>
      </c>
      <c r="G197" s="3">
        <v>7</v>
      </c>
      <c r="H197" s="2" t="s">
        <v>19</v>
      </c>
      <c r="I197" s="3">
        <v>2017</v>
      </c>
      <c r="J197" s="2" t="s">
        <v>20</v>
      </c>
      <c r="K197" s="2"/>
      <c r="L197" s="2" t="s">
        <v>558</v>
      </c>
    </row>
    <row r="198" spans="1:12" ht="15.2" customHeight="1">
      <c r="A198" s="2" t="s">
        <v>517</v>
      </c>
      <c r="B198" s="2" t="s">
        <v>307</v>
      </c>
      <c r="C198" s="2" t="s">
        <v>559</v>
      </c>
      <c r="D198" s="2" t="s">
        <v>560</v>
      </c>
      <c r="E198" s="2" t="s">
        <v>556</v>
      </c>
      <c r="F198" s="2" t="s">
        <v>561</v>
      </c>
      <c r="G198" s="3">
        <v>5</v>
      </c>
      <c r="H198" s="2" t="s">
        <v>19</v>
      </c>
      <c r="I198" s="3">
        <v>2017</v>
      </c>
      <c r="J198" s="2" t="s">
        <v>20</v>
      </c>
      <c r="K198" s="2"/>
      <c r="L198" s="2" t="s">
        <v>562</v>
      </c>
    </row>
    <row r="199" spans="1:12" ht="15.2" customHeight="1">
      <c r="A199" s="2" t="s">
        <v>517</v>
      </c>
      <c r="B199" s="2" t="s">
        <v>121</v>
      </c>
      <c r="C199" s="2" t="s">
        <v>563</v>
      </c>
      <c r="D199" s="2" t="s">
        <v>564</v>
      </c>
      <c r="E199" s="2" t="s">
        <v>556</v>
      </c>
      <c r="F199" s="2" t="s">
        <v>565</v>
      </c>
      <c r="G199" s="3">
        <v>6</v>
      </c>
      <c r="H199" s="2" t="s">
        <v>19</v>
      </c>
      <c r="I199" s="3">
        <v>2017</v>
      </c>
      <c r="J199" s="2" t="s">
        <v>20</v>
      </c>
      <c r="K199" s="2"/>
      <c r="L199" s="2" t="s">
        <v>566</v>
      </c>
    </row>
    <row r="200" spans="1:12" ht="15.2" customHeight="1">
      <c r="A200" s="2" t="s">
        <v>517</v>
      </c>
      <c r="B200" s="2" t="s">
        <v>127</v>
      </c>
      <c r="C200" s="2" t="s">
        <v>567</v>
      </c>
      <c r="D200" s="2" t="s">
        <v>568</v>
      </c>
      <c r="E200" s="2" t="s">
        <v>180</v>
      </c>
      <c r="F200" s="2" t="s">
        <v>569</v>
      </c>
      <c r="G200" s="3">
        <v>8</v>
      </c>
      <c r="H200" s="2" t="s">
        <v>31</v>
      </c>
      <c r="I200" s="3">
        <v>2017</v>
      </c>
      <c r="J200" s="2" t="s">
        <v>20</v>
      </c>
      <c r="K200" s="2"/>
      <c r="L200" s="2" t="s">
        <v>570</v>
      </c>
    </row>
    <row r="201" spans="1:12" ht="15.2" customHeight="1">
      <c r="A201" s="2" t="s">
        <v>517</v>
      </c>
      <c r="B201" s="2" t="s">
        <v>132</v>
      </c>
      <c r="C201" s="2" t="s">
        <v>571</v>
      </c>
      <c r="D201" s="2" t="s">
        <v>572</v>
      </c>
      <c r="E201" s="2" t="s">
        <v>321</v>
      </c>
      <c r="F201" s="2" t="s">
        <v>573</v>
      </c>
      <c r="G201" s="3">
        <v>8</v>
      </c>
      <c r="H201" s="2" t="s">
        <v>75</v>
      </c>
      <c r="I201" s="3">
        <v>2010</v>
      </c>
      <c r="J201" s="2" t="s">
        <v>20</v>
      </c>
      <c r="K201" s="2"/>
      <c r="L201" s="2" t="s">
        <v>574</v>
      </c>
    </row>
    <row r="202" spans="1:12" ht="15.2" customHeight="1">
      <c r="A202" s="2" t="s">
        <v>517</v>
      </c>
      <c r="B202" s="2" t="s">
        <v>137</v>
      </c>
      <c r="C202" s="2" t="s">
        <v>506</v>
      </c>
      <c r="D202" s="2" t="s">
        <v>507</v>
      </c>
      <c r="E202" s="2" t="s">
        <v>321</v>
      </c>
      <c r="F202" s="2" t="s">
        <v>508</v>
      </c>
      <c r="G202" s="3">
        <v>7</v>
      </c>
      <c r="H202" s="2" t="s">
        <v>75</v>
      </c>
      <c r="I202" s="3">
        <v>2010</v>
      </c>
      <c r="J202" s="2" t="s">
        <v>20</v>
      </c>
      <c r="K202" s="2"/>
      <c r="L202" s="2" t="s">
        <v>509</v>
      </c>
    </row>
    <row r="203" spans="1:12" ht="15.2" customHeight="1">
      <c r="A203" s="2" t="s">
        <v>517</v>
      </c>
      <c r="B203" s="2" t="s">
        <v>143</v>
      </c>
      <c r="C203" s="2" t="s">
        <v>324</v>
      </c>
      <c r="D203" s="2" t="s">
        <v>325</v>
      </c>
      <c r="E203" s="2" t="s">
        <v>321</v>
      </c>
      <c r="F203" s="2" t="s">
        <v>326</v>
      </c>
      <c r="G203" s="3">
        <v>4</v>
      </c>
      <c r="H203" s="2" t="s">
        <v>19</v>
      </c>
      <c r="I203" s="3">
        <v>2009</v>
      </c>
      <c r="J203" s="2" t="s">
        <v>20</v>
      </c>
      <c r="K203" s="2"/>
      <c r="L203" s="2" t="s">
        <v>323</v>
      </c>
    </row>
    <row r="204" spans="1:12" ht="15.2" customHeight="1">
      <c r="A204" s="2" t="s">
        <v>517</v>
      </c>
      <c r="B204" s="2" t="s">
        <v>148</v>
      </c>
      <c r="C204" s="2" t="s">
        <v>286</v>
      </c>
      <c r="D204" s="2" t="s">
        <v>287</v>
      </c>
      <c r="E204" s="2" t="s">
        <v>278</v>
      </c>
      <c r="F204" s="2" t="s">
        <v>288</v>
      </c>
      <c r="G204" s="3">
        <v>3</v>
      </c>
      <c r="H204" s="2" t="s">
        <v>31</v>
      </c>
      <c r="I204" s="3">
        <v>2018</v>
      </c>
      <c r="J204" s="2" t="s">
        <v>193</v>
      </c>
      <c r="K204" s="2"/>
      <c r="L204" s="2" t="s">
        <v>289</v>
      </c>
    </row>
    <row r="205" spans="1:12" ht="15.2" customHeight="1">
      <c r="A205" s="2" t="s">
        <v>517</v>
      </c>
      <c r="B205" s="2" t="s">
        <v>153</v>
      </c>
      <c r="C205" s="2" t="s">
        <v>281</v>
      </c>
      <c r="D205" s="2" t="s">
        <v>282</v>
      </c>
      <c r="E205" s="2" t="s">
        <v>278</v>
      </c>
      <c r="F205" s="2" t="s">
        <v>283</v>
      </c>
      <c r="G205" s="3">
        <v>2</v>
      </c>
      <c r="H205" s="2" t="s">
        <v>31</v>
      </c>
      <c r="I205" s="3">
        <v>2018</v>
      </c>
      <c r="J205" s="2" t="s">
        <v>193</v>
      </c>
      <c r="K205" s="2"/>
      <c r="L205" s="2" t="s">
        <v>284</v>
      </c>
    </row>
    <row r="206" spans="1:12" ht="15.2" customHeight="1">
      <c r="A206" s="2" t="s">
        <v>517</v>
      </c>
      <c r="B206" s="2" t="s">
        <v>158</v>
      </c>
      <c r="C206" s="2" t="s">
        <v>575</v>
      </c>
      <c r="D206" s="2" t="s">
        <v>576</v>
      </c>
      <c r="E206" s="2" t="s">
        <v>333</v>
      </c>
      <c r="F206" s="2" t="s">
        <v>577</v>
      </c>
      <c r="G206" s="3">
        <v>5</v>
      </c>
      <c r="H206" s="2" t="s">
        <v>335</v>
      </c>
      <c r="I206" s="3">
        <v>2017</v>
      </c>
      <c r="J206" s="2" t="s">
        <v>20</v>
      </c>
      <c r="K206" s="2"/>
      <c r="L206" s="2" t="s">
        <v>578</v>
      </c>
    </row>
    <row r="207" spans="1:12" ht="15.2" customHeight="1">
      <c r="A207" s="2" t="s">
        <v>517</v>
      </c>
      <c r="B207" s="2" t="s">
        <v>164</v>
      </c>
      <c r="C207" s="2" t="s">
        <v>549</v>
      </c>
      <c r="D207" s="2" t="s">
        <v>550</v>
      </c>
      <c r="E207" s="2" t="s">
        <v>551</v>
      </c>
      <c r="F207" s="2" t="s">
        <v>552</v>
      </c>
      <c r="G207" s="3">
        <v>1</v>
      </c>
      <c r="H207" s="2" t="s">
        <v>19</v>
      </c>
      <c r="I207" s="3">
        <v>2018</v>
      </c>
      <c r="J207" s="2" t="s">
        <v>20</v>
      </c>
      <c r="K207" s="2"/>
      <c r="L207" s="2" t="s">
        <v>553</v>
      </c>
    </row>
    <row r="208" spans="1:12" ht="15.2" customHeight="1">
      <c r="A208" s="2" t="s">
        <v>517</v>
      </c>
      <c r="B208" s="2" t="s">
        <v>165</v>
      </c>
      <c r="C208" s="2" t="s">
        <v>488</v>
      </c>
      <c r="D208" s="2" t="s">
        <v>489</v>
      </c>
      <c r="E208" s="2" t="s">
        <v>293</v>
      </c>
      <c r="F208" s="2" t="s">
        <v>490</v>
      </c>
      <c r="G208" s="3">
        <v>6</v>
      </c>
      <c r="H208" s="2" t="s">
        <v>31</v>
      </c>
      <c r="I208" s="3">
        <v>2019</v>
      </c>
      <c r="J208" s="2" t="s">
        <v>20</v>
      </c>
      <c r="K208" s="2"/>
      <c r="L208" s="2" t="s">
        <v>491</v>
      </c>
    </row>
    <row r="209" spans="1:12" ht="15.2" customHeight="1">
      <c r="A209" s="2" t="s">
        <v>517</v>
      </c>
      <c r="B209" s="2" t="s">
        <v>166</v>
      </c>
      <c r="C209" s="2" t="s">
        <v>554</v>
      </c>
      <c r="D209" s="2" t="s">
        <v>555</v>
      </c>
      <c r="E209" s="2" t="s">
        <v>556</v>
      </c>
      <c r="F209" s="2" t="s">
        <v>557</v>
      </c>
      <c r="G209" s="3">
        <v>7</v>
      </c>
      <c r="H209" s="2" t="s">
        <v>19</v>
      </c>
      <c r="I209" s="3">
        <v>2017</v>
      </c>
      <c r="J209" s="2" t="s">
        <v>20</v>
      </c>
      <c r="K209" s="2"/>
      <c r="L209" s="2" t="s">
        <v>558</v>
      </c>
    </row>
    <row r="210" spans="1:12" ht="0" hidden="1" customHeight="1"/>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LOMARI, Yasmine</dc:creator>
  <cp:lastModifiedBy>El Omari, Yasmine</cp:lastModifiedBy>
  <dcterms:modified xsi:type="dcterms:W3CDTF">2021-01-10T20:33:33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